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6022\Desktop\body cam report\"/>
    </mc:Choice>
  </mc:AlternateContent>
  <bookViews>
    <workbookView xWindow="0" yWindow="0" windowWidth="28800" windowHeight="12300"/>
  </bookViews>
  <sheets>
    <sheet name="Sheet1" sheetId="1" r:id="rId1"/>
    <sheet name="Sheet2" sheetId="2" r:id="rId2"/>
    <sheet name="Sheet3" sheetId="3" r:id="rId3"/>
  </sheets>
  <calcPr calcId="124519"/>
</workbook>
</file>

<file path=xl/sharedStrings.xml><?xml version="1.0" encoding="utf-8"?>
<sst xmlns="http://schemas.openxmlformats.org/spreadsheetml/2006/main" count="694" uniqueCount="431">
  <si>
    <t>DATE</t>
  </si>
  <si>
    <t>TIME</t>
  </si>
  <si>
    <t>LOCATION</t>
  </si>
  <si>
    <t>OFFENSE</t>
  </si>
  <si>
    <t>ILCS CITATION OR ORDINANCE NUMBER</t>
  </si>
  <si>
    <t>DATE CHARGES FILED</t>
  </si>
  <si>
    <t>DISPOSITION (If Known)</t>
  </si>
  <si>
    <t>CASE NUMBER</t>
  </si>
  <si>
    <t>PARTY NAMES</t>
  </si>
  <si>
    <t>Rock Island County Sheriff's Office</t>
  </si>
  <si>
    <t xml:space="preserve">720 ILCS 570/402         </t>
  </si>
  <si>
    <t>Poss cont substance</t>
  </si>
  <si>
    <t>Chaase Veasey</t>
  </si>
  <si>
    <t>Pending</t>
  </si>
  <si>
    <t>6th St / 12th Avenue Rock Island</t>
  </si>
  <si>
    <t>800 block 1st St Milan</t>
  </si>
  <si>
    <t>DUI</t>
  </si>
  <si>
    <t>625 ILCS 5/11-501(A2)</t>
  </si>
  <si>
    <t>Travis Klemme</t>
  </si>
  <si>
    <t xml:space="preserve">2020CF54 </t>
  </si>
  <si>
    <t>Guilty</t>
  </si>
  <si>
    <t xml:space="preserve">2020DT12 </t>
  </si>
  <si>
    <t>1700 blk 2nd Ave Rapids City</t>
  </si>
  <si>
    <t>John Baker</t>
  </si>
  <si>
    <t>2020DT3   </t>
  </si>
  <si>
    <t>Rt 92 Jumers Drive Rock Island</t>
  </si>
  <si>
    <t>Ralph Dickinson</t>
  </si>
  <si>
    <t>2020DT11   </t>
  </si>
  <si>
    <t>12000 block 98th St W Taylor Ridge</t>
  </si>
  <si>
    <t>Burglary</t>
  </si>
  <si>
    <t>720 ILCS 5/19-3</t>
  </si>
  <si>
    <t>2020CF59</t>
  </si>
  <si>
    <t>Devin Stevens</t>
  </si>
  <si>
    <t>3000 blk 46th Av Moline</t>
  </si>
  <si>
    <t>Andrew Polito</t>
  </si>
  <si>
    <t>2020DT13</t>
  </si>
  <si>
    <t>Dismissed</t>
  </si>
  <si>
    <t>19th St / 14th Av East Moline</t>
  </si>
  <si>
    <t>Poss cannabis</t>
  </si>
  <si>
    <t>720 ILCS 550/4(D)</t>
  </si>
  <si>
    <t>Jacob Groharing</t>
  </si>
  <si>
    <t>2020CF68</t>
  </si>
  <si>
    <t>10th St / 4th Av Rock Island</t>
  </si>
  <si>
    <t>Beverly Shumaker</t>
  </si>
  <si>
    <t>2020CF96</t>
  </si>
  <si>
    <t>4500 blk 16th St Moline</t>
  </si>
  <si>
    <t>720 ILCS 550/5C</t>
  </si>
  <si>
    <t>Jeffrey Scott</t>
  </si>
  <si>
    <t>2020CF30</t>
  </si>
  <si>
    <t>2200 blk John Deere Rd Carbon Cliff</t>
  </si>
  <si>
    <t>Amos Bradford III</t>
  </si>
  <si>
    <t>Child endangerment</t>
  </si>
  <si>
    <t>720 ILCS 5/12C-10</t>
  </si>
  <si>
    <t>2020CM164</t>
  </si>
  <si>
    <t xml:space="preserve">Pending </t>
  </si>
  <si>
    <t>Walnut St / High St Port Byron</t>
  </si>
  <si>
    <t>Richard Durey</t>
  </si>
  <si>
    <t>2020TR1329</t>
  </si>
  <si>
    <t>Guilty - lesser charge</t>
  </si>
  <si>
    <t>1800 blk 28th Av East Moline</t>
  </si>
  <si>
    <t>Domestic Battery</t>
  </si>
  <si>
    <t>720 ILCS 5/12-3.2</t>
  </si>
  <si>
    <t>Meko Brown</t>
  </si>
  <si>
    <t>2020CM153</t>
  </si>
  <si>
    <t>Jose Marrero</t>
  </si>
  <si>
    <t>1000 blk Rebecca Av Carbon Cliff</t>
  </si>
  <si>
    <t>2020CM104</t>
  </si>
  <si>
    <t>16900 blk 70th St W Reynolds</t>
  </si>
  <si>
    <t>Ryan Meguffy</t>
  </si>
  <si>
    <t>2020CM64</t>
  </si>
  <si>
    <t>46th Av / Valley View Dr Rock Island</t>
  </si>
  <si>
    <t>Jeff Gordon</t>
  </si>
  <si>
    <t>2020CF137</t>
  </si>
  <si>
    <t>1000 blk 15th Av East Moline</t>
  </si>
  <si>
    <t>Joshua Brown</t>
  </si>
  <si>
    <t>Poss hypodermic needle</t>
  </si>
  <si>
    <t>720 ILCS 635/1</t>
  </si>
  <si>
    <t>2020CM31</t>
  </si>
  <si>
    <t>500 blk Oaklawn Av East Moline</t>
  </si>
  <si>
    <t>Andre Clayton</t>
  </si>
  <si>
    <t>2020CF176</t>
  </si>
  <si>
    <t>2100 blk Lincolnwood Dr</t>
  </si>
  <si>
    <t>Unlawful poss firearm</t>
  </si>
  <si>
    <t>720 ILCS 5/24-3.1</t>
  </si>
  <si>
    <t>JUVENILE</t>
  </si>
  <si>
    <t>unknown</t>
  </si>
  <si>
    <t>44th St / 46th Av Rock Island</t>
  </si>
  <si>
    <t>Javon Patterson</t>
  </si>
  <si>
    <t>2020DT64</t>
  </si>
  <si>
    <t>Amended - Reckless driving</t>
  </si>
  <si>
    <t>108 E Main St Reynolds</t>
  </si>
  <si>
    <t>Battery</t>
  </si>
  <si>
    <t>Jada Dewild</t>
  </si>
  <si>
    <t>2020CM47</t>
  </si>
  <si>
    <t>1700 blk N Shore Dr Moline</t>
  </si>
  <si>
    <t>Ryan Jones</t>
  </si>
  <si>
    <t>2020DT46</t>
  </si>
  <si>
    <t>48th St / 12th Av Moline</t>
  </si>
  <si>
    <t>Cannabis - Del/Manf</t>
  </si>
  <si>
    <t>Brandon Converse</t>
  </si>
  <si>
    <t>2020CF80</t>
  </si>
  <si>
    <t>29000 blk Rt 2 Hillsdale</t>
  </si>
  <si>
    <t>Bryan Anson</t>
  </si>
  <si>
    <t>2020DT122</t>
  </si>
  <si>
    <t>24000 blk 1st Av Hillsdale</t>
  </si>
  <si>
    <t>Joseph Purl</t>
  </si>
  <si>
    <t>2020DT123</t>
  </si>
  <si>
    <t>1300 blk 13th St</t>
  </si>
  <si>
    <t>Poss of Meth</t>
  </si>
  <si>
    <t>720 ILCS 646/60</t>
  </si>
  <si>
    <t>Stacy Reeves</t>
  </si>
  <si>
    <t>2020CF194</t>
  </si>
  <si>
    <t>52nd Ave / &amp;th St Moline</t>
  </si>
  <si>
    <t>Cale Casel</t>
  </si>
  <si>
    <t>DWLR</t>
  </si>
  <si>
    <t>625 ILCS 5/6-303</t>
  </si>
  <si>
    <t>2020CF263</t>
  </si>
  <si>
    <t>Crim Dam to Property</t>
  </si>
  <si>
    <t>720 ILCS 5/21-1</t>
  </si>
  <si>
    <t>5111 78th Av Milan</t>
  </si>
  <si>
    <t>800 blk RI/Milan pky Milan</t>
  </si>
  <si>
    <t>Federal</t>
  </si>
  <si>
    <t>Ronald Price</t>
  </si>
  <si>
    <t>Sent to Federal Court</t>
  </si>
  <si>
    <t>44th St / Ave of Cities Moline</t>
  </si>
  <si>
    <t>Shayn Ammerman</t>
  </si>
  <si>
    <t>2020CF386</t>
  </si>
  <si>
    <t>5300 blk John Deere Rd Moline</t>
  </si>
  <si>
    <t>Taquisha Therrell</t>
  </si>
  <si>
    <t>2020DT174</t>
  </si>
  <si>
    <t>11th St / 44th Av Moline</t>
  </si>
  <si>
    <t>William Argo</t>
  </si>
  <si>
    <t>2020CF435</t>
  </si>
  <si>
    <t>11th St / 31st Av Rock Island</t>
  </si>
  <si>
    <t>Armed Violence</t>
  </si>
  <si>
    <t>720 ILCS 5/33</t>
  </si>
  <si>
    <t>Seth Barton</t>
  </si>
  <si>
    <t>pending</t>
  </si>
  <si>
    <t>2020CF423</t>
  </si>
  <si>
    <t>700 blk 6th Av W Andalusia</t>
  </si>
  <si>
    <t>poss of meth</t>
  </si>
  <si>
    <t>2020CF471</t>
  </si>
  <si>
    <t>Allison Beckman</t>
  </si>
  <si>
    <t xml:space="preserve">2500 blk 11th St Rock Island </t>
  </si>
  <si>
    <t>2020DT198</t>
  </si>
  <si>
    <t>Jeremy Thill</t>
  </si>
  <si>
    <t>12th St/ 46th Av Rock Island</t>
  </si>
  <si>
    <t>2020CF436</t>
  </si>
  <si>
    <t>Taylor Graeber</t>
  </si>
  <si>
    <t>Guiilty</t>
  </si>
  <si>
    <t>400 blk 48th St Moline</t>
  </si>
  <si>
    <t>2020CF491</t>
  </si>
  <si>
    <t>Angela Bowman</t>
  </si>
  <si>
    <t>114 1st St Carbon cliff</t>
  </si>
  <si>
    <t>Fail to reduce speed</t>
  </si>
  <si>
    <t>625 ILCS 5/11-601(A2)</t>
  </si>
  <si>
    <t>2020TR4167</t>
  </si>
  <si>
    <t>Quentin Radue</t>
  </si>
  <si>
    <t xml:space="preserve">11409 Ridgewood Road </t>
  </si>
  <si>
    <t>625 ILCS 5/11-501(A4)</t>
  </si>
  <si>
    <t>2020DT141</t>
  </si>
  <si>
    <t xml:space="preserve">Nolan Throne </t>
  </si>
  <si>
    <t>not Guilty</t>
  </si>
  <si>
    <t>16508 Hubbard Road East Moline</t>
  </si>
  <si>
    <t>625 ILCS 5/11-501A1D</t>
  </si>
  <si>
    <t>2020DT142</t>
  </si>
  <si>
    <t>Louis Woods</t>
  </si>
  <si>
    <t>5th St/ 2nd Av C Silvis</t>
  </si>
  <si>
    <t>2020DT42</t>
  </si>
  <si>
    <t>Meagan Stang</t>
  </si>
  <si>
    <t>16925 10th Av Carbon Cliff</t>
  </si>
  <si>
    <t>Poss of meth</t>
  </si>
  <si>
    <t>2020CF476</t>
  </si>
  <si>
    <t>Jerry Asencio</t>
  </si>
  <si>
    <t>306 2nd Av Carbon Cliff</t>
  </si>
  <si>
    <t>2020CF560</t>
  </si>
  <si>
    <t xml:space="preserve">32000 Rt 2 N </t>
  </si>
  <si>
    <t>2020CF537</t>
  </si>
  <si>
    <t>Lindsey Golden</t>
  </si>
  <si>
    <t>5111 78th Av lot 89 Milan</t>
  </si>
  <si>
    <t>No FOID Card</t>
  </si>
  <si>
    <t>430 ILCS 65/2</t>
  </si>
  <si>
    <t>2020CF548</t>
  </si>
  <si>
    <t>Thomas Dillin</t>
  </si>
  <si>
    <t>TR speed</t>
  </si>
  <si>
    <t>625 ILCS 5/11-601(B)</t>
  </si>
  <si>
    <t>2020TR3915</t>
  </si>
  <si>
    <t xml:space="preserve">Tonisha Spears </t>
  </si>
  <si>
    <t>2nd St/ 2nd Av Carbon Cliff</t>
  </si>
  <si>
    <t>44th St/ 6th Av Rock Island</t>
  </si>
  <si>
    <t>2020CF577</t>
  </si>
  <si>
    <t>Kristen Hill</t>
  </si>
  <si>
    <t>808 n main st Port Byron</t>
  </si>
  <si>
    <t>disorderly conduct</t>
  </si>
  <si>
    <t>720 ILCS 5/26-1</t>
  </si>
  <si>
    <t>2020CM366</t>
  </si>
  <si>
    <t>Eric Temple</t>
  </si>
  <si>
    <t>Route 6/ I74 Moline</t>
  </si>
  <si>
    <t>2020DT202</t>
  </si>
  <si>
    <t>Christopher Johnson</t>
  </si>
  <si>
    <t>720 ILCS 5/12-3</t>
  </si>
  <si>
    <t>guilty</t>
  </si>
  <si>
    <t>19th St/1st St East Moline</t>
  </si>
  <si>
    <t>2020DT242</t>
  </si>
  <si>
    <t>Cory Hutcheson</t>
  </si>
  <si>
    <t>13023 Rt 84 Port Byron</t>
  </si>
  <si>
    <t>DUI drug</t>
  </si>
  <si>
    <t>2020DT173</t>
  </si>
  <si>
    <t>Arian Davis</t>
  </si>
  <si>
    <t>302 N high St Port Byron</t>
  </si>
  <si>
    <t>Poss stolen prop</t>
  </si>
  <si>
    <t>720 ILCS 5/16-1(A)4</t>
  </si>
  <si>
    <t>2020CF592</t>
  </si>
  <si>
    <t>John Roll</t>
  </si>
  <si>
    <t>900 S 1st Av</t>
  </si>
  <si>
    <t>720 ILCS 5/24-1.2</t>
  </si>
  <si>
    <t>2020CF511</t>
  </si>
  <si>
    <t>Dustin Phelps</t>
  </si>
  <si>
    <t>Agg discharge of firearm</t>
  </si>
  <si>
    <t>1st St/ 1St Av</t>
  </si>
  <si>
    <t>720 ILCS 570/402</t>
  </si>
  <si>
    <t>2020CF647</t>
  </si>
  <si>
    <t>Robert Hall</t>
  </si>
  <si>
    <t>1200 River Dr Moline</t>
  </si>
  <si>
    <t>720 ILCS 5/26-1A1</t>
  </si>
  <si>
    <t>720 ILCS 5/12-3.05(A)(1)</t>
  </si>
  <si>
    <t>210 n High St Port Byron</t>
  </si>
  <si>
    <t>unlawful restraint</t>
  </si>
  <si>
    <t>720 ILCS 5/10-3</t>
  </si>
  <si>
    <t>2020CF656</t>
  </si>
  <si>
    <t>James Frazee</t>
  </si>
  <si>
    <t>2600 52nd Ave Moline</t>
  </si>
  <si>
    <t>2020CF666</t>
  </si>
  <si>
    <t>Michele Bramblett</t>
  </si>
  <si>
    <t>321 19th St East Moline</t>
  </si>
  <si>
    <t>2020CF695</t>
  </si>
  <si>
    <t>Patricia Miller</t>
  </si>
  <si>
    <t>RI Milan PKWY/ Rt 67 Milan</t>
  </si>
  <si>
    <t>2020CF676</t>
  </si>
  <si>
    <t>Dustin Gard</t>
  </si>
  <si>
    <t>1323 113th Av Milan</t>
  </si>
  <si>
    <t>2020CM902</t>
  </si>
  <si>
    <t>Derrick Ramsey</t>
  </si>
  <si>
    <t>166 RT 84 Carbon Cliff</t>
  </si>
  <si>
    <t>Poss of Con Substance</t>
  </si>
  <si>
    <t>2020CF629</t>
  </si>
  <si>
    <t>Nyle Anderson</t>
  </si>
  <si>
    <t>16th St/ 39th Av</t>
  </si>
  <si>
    <t>Johnathan Francis</t>
  </si>
  <si>
    <t>2020CF713</t>
  </si>
  <si>
    <t>3804 15th St B Moline</t>
  </si>
  <si>
    <t>2020DT121</t>
  </si>
  <si>
    <t>Ngun Thang</t>
  </si>
  <si>
    <t>2020CM288</t>
  </si>
  <si>
    <t>Tia Bradford</t>
  </si>
  <si>
    <t>1823 28th Av East Moline</t>
  </si>
  <si>
    <t>400 Taylor Drive Port Byron</t>
  </si>
  <si>
    <t>2020CF769</t>
  </si>
  <si>
    <t>Anthony Dann</t>
  </si>
  <si>
    <t>Crosstown Av/ John Deere Road</t>
  </si>
  <si>
    <t>Speeding in work zone</t>
  </si>
  <si>
    <t>625 ILCS 5/11-605.1</t>
  </si>
  <si>
    <t>2020TR5254</t>
  </si>
  <si>
    <t>Rogelio Garcia</t>
  </si>
  <si>
    <t>304 7th St W Andalusia</t>
  </si>
  <si>
    <t>2020CF743</t>
  </si>
  <si>
    <t>Addy Beecher</t>
  </si>
  <si>
    <t xml:space="preserve">Guilty </t>
  </si>
  <si>
    <t xml:space="preserve">1100 7th Av Rock Island </t>
  </si>
  <si>
    <t>2020CF758</t>
  </si>
  <si>
    <t>Shannon Morgan</t>
  </si>
  <si>
    <t>1317 3rd Av Rock Island</t>
  </si>
  <si>
    <t>Agg Battery</t>
  </si>
  <si>
    <t>2020CF768</t>
  </si>
  <si>
    <t>Justice Hill</t>
  </si>
  <si>
    <t>1033 Rebecca Av Carbon Cliff</t>
  </si>
  <si>
    <t>2020CM461</t>
  </si>
  <si>
    <t>Shawn Ball</t>
  </si>
  <si>
    <t>3702 Hazelcrest Dr CT East Moline</t>
  </si>
  <si>
    <t>2020CM477</t>
  </si>
  <si>
    <t>Chase Johnson</t>
  </si>
  <si>
    <t>600 N 1st Av Carbon Cliff</t>
  </si>
  <si>
    <t>720 ILCS 5/19-1A</t>
  </si>
  <si>
    <t>2020CF844</t>
  </si>
  <si>
    <t>Erik Lambert</t>
  </si>
  <si>
    <t>1300 10th Av East Moline</t>
  </si>
  <si>
    <t>2020TR4529</t>
  </si>
  <si>
    <t>Ryan Tallman</t>
  </si>
  <si>
    <t>1036 Rebecca Av Carbon Cliff</t>
  </si>
  <si>
    <t>2020DT331</t>
  </si>
  <si>
    <t>Edward Salaman-Vazquez</t>
  </si>
  <si>
    <t>1940 W 1st St Milan</t>
  </si>
  <si>
    <t>poss w/ intent to del meth</t>
  </si>
  <si>
    <t>720 ILCS 646/55</t>
  </si>
  <si>
    <t>2020CF807</t>
  </si>
  <si>
    <t>Bonnie dreifurst</t>
  </si>
  <si>
    <t>17228 Rt 5/92 East Moline</t>
  </si>
  <si>
    <t>poss of Meth</t>
  </si>
  <si>
    <t>2020CF794</t>
  </si>
  <si>
    <t>Bryson Johnson</t>
  </si>
  <si>
    <t>600 W 8th Av Milan</t>
  </si>
  <si>
    <t>2020Cf789</t>
  </si>
  <si>
    <t>Lawrence Bluhm</t>
  </si>
  <si>
    <t>500 48th St Moline</t>
  </si>
  <si>
    <t>2020DT287</t>
  </si>
  <si>
    <t>Jeffery Youngberg</t>
  </si>
  <si>
    <t>1440 1st Av Silvis</t>
  </si>
  <si>
    <t>2020CF669</t>
  </si>
  <si>
    <t>Anthony Althiser</t>
  </si>
  <si>
    <t>14329 78th Av W Taylor Ridge</t>
  </si>
  <si>
    <t>2020CM741</t>
  </si>
  <si>
    <t>Llyod Morrison</t>
  </si>
  <si>
    <t>1924 E 10th Av Milan</t>
  </si>
  <si>
    <t>2020CF832</t>
  </si>
  <si>
    <t>Elizabeth Daily</t>
  </si>
  <si>
    <t>John Deere RD/ 41st ST Moline</t>
  </si>
  <si>
    <t>2020CF863</t>
  </si>
  <si>
    <t>Dominick Ponciano</t>
  </si>
  <si>
    <t>41st ST/ 12th Av Moline</t>
  </si>
  <si>
    <t>2020DT218</t>
  </si>
  <si>
    <t>Adam Lewis</t>
  </si>
  <si>
    <t>600 38th St Rock Island</t>
  </si>
  <si>
    <t xml:space="preserve">DUI </t>
  </si>
  <si>
    <t>2020DT184</t>
  </si>
  <si>
    <t>Michael Whiteside</t>
  </si>
  <si>
    <t>Jesse Chavez</t>
  </si>
  <si>
    <t>Poss of MEth</t>
  </si>
  <si>
    <t>2600 36th Av Moline</t>
  </si>
  <si>
    <t>2020CF862</t>
  </si>
  <si>
    <t>Amber Carlton</t>
  </si>
  <si>
    <t>2020CF898</t>
  </si>
  <si>
    <t>Alisha Sparling</t>
  </si>
  <si>
    <t>38th Av/41st St Moline</t>
  </si>
  <si>
    <t>Agg DUI</t>
  </si>
  <si>
    <t>2020CF908</t>
  </si>
  <si>
    <t>Nashoba Million</t>
  </si>
  <si>
    <t>16516 2nd St Milan</t>
  </si>
  <si>
    <t>2020CF912</t>
  </si>
  <si>
    <t>Rachael Taets</t>
  </si>
  <si>
    <t>2820 18th St East Moline</t>
  </si>
  <si>
    <t>Domestic battery</t>
  </si>
  <si>
    <t>2020CM443</t>
  </si>
  <si>
    <t>Taleana Grumadas</t>
  </si>
  <si>
    <t>2020CF856</t>
  </si>
  <si>
    <t>Timothy Bond</t>
  </si>
  <si>
    <t>720 ILCS 5/24-1.6 (A)(1)</t>
  </si>
  <si>
    <t>4700 Archer Dr East Moline</t>
  </si>
  <si>
    <t>Agg UUW</t>
  </si>
  <si>
    <t>2020CF914</t>
  </si>
  <si>
    <t>17th Av/ 5th ST Silvis</t>
  </si>
  <si>
    <t>2020DT88</t>
  </si>
  <si>
    <t>Jaime Vance</t>
  </si>
  <si>
    <t>21604 River RD N Cordova</t>
  </si>
  <si>
    <t>2020CM485</t>
  </si>
  <si>
    <t>Brandi Cassaday</t>
  </si>
  <si>
    <t>1600 John Deere Rd Moline</t>
  </si>
  <si>
    <t>Manu/Del Cannabis</t>
  </si>
  <si>
    <t>720 ILCS 550/5(D)</t>
  </si>
  <si>
    <t>2020CF936</t>
  </si>
  <si>
    <t>Beatrice Holland</t>
  </si>
  <si>
    <t>720 ILCS 550/5(E)</t>
  </si>
  <si>
    <t>825 Cities Av East Moline</t>
  </si>
  <si>
    <t>2020CF942</t>
  </si>
  <si>
    <t>Isaac Mojica</t>
  </si>
  <si>
    <t>23rd St/ River Dr Moline</t>
  </si>
  <si>
    <t>2020TR7365</t>
  </si>
  <si>
    <t>Jason Savala</t>
  </si>
  <si>
    <t>800 Rebecca PL Carbon Cliff</t>
  </si>
  <si>
    <t>2020CF954</t>
  </si>
  <si>
    <t>Amy Willcox</t>
  </si>
  <si>
    <t>78th Ave W/120th ST W Andalusia</t>
  </si>
  <si>
    <t>2020DT302</t>
  </si>
  <si>
    <t>Rebecca Montgomery</t>
  </si>
  <si>
    <t>W 2nd Av/ W 4th St Milan</t>
  </si>
  <si>
    <t>2020Cf969</t>
  </si>
  <si>
    <t>James Kent Jr</t>
  </si>
  <si>
    <t>1511 Coyne Center RD lot 2 Milan</t>
  </si>
  <si>
    <t>2020CM365</t>
  </si>
  <si>
    <t>James Daughenbaugh</t>
  </si>
  <si>
    <t>John Deere RD/16th St Moline</t>
  </si>
  <si>
    <t>2020CF820</t>
  </si>
  <si>
    <t>Misty West</t>
  </si>
  <si>
    <t>7th St/ John Deere Road</t>
  </si>
  <si>
    <t>2020CF937</t>
  </si>
  <si>
    <t>Joshua Kaegin</t>
  </si>
  <si>
    <t>16th St/ N Shore Dr Moline</t>
  </si>
  <si>
    <t>2020CF989</t>
  </si>
  <si>
    <t>Whitney Richardson</t>
  </si>
  <si>
    <t>Rt 84/ 261st St N Cordova</t>
  </si>
  <si>
    <t>2020DT403</t>
  </si>
  <si>
    <t>Jason Hansen</t>
  </si>
  <si>
    <t>3718 39th Av DR Moline</t>
  </si>
  <si>
    <t>2020CF1008</t>
  </si>
  <si>
    <t>Jason Kubica</t>
  </si>
  <si>
    <t>100 16th Av Moline</t>
  </si>
  <si>
    <t>DUI intox comp</t>
  </si>
  <si>
    <t>625 ILCS 5/11-501(A5)</t>
  </si>
  <si>
    <t>2020DT197</t>
  </si>
  <si>
    <t>Ivan Licon</t>
  </si>
  <si>
    <t>2020CF587</t>
  </si>
  <si>
    <t>Terry Dawson</t>
  </si>
  <si>
    <t>1102 50th Av East Moline</t>
  </si>
  <si>
    <t>2020CF944</t>
  </si>
  <si>
    <t>Kenneth Steele</t>
  </si>
  <si>
    <t>W 1st Av/ W 5th ST Milan</t>
  </si>
  <si>
    <t>2020CF1021</t>
  </si>
  <si>
    <t>James Whitney</t>
  </si>
  <si>
    <t xml:space="preserve">243 Orchard Ct Carbon Cliff </t>
  </si>
  <si>
    <t>2020DT344</t>
  </si>
  <si>
    <t>Kevin Mickelson</t>
  </si>
  <si>
    <t>127th Av/ Knoxville RD Milan</t>
  </si>
  <si>
    <t>2020CF1036</t>
  </si>
  <si>
    <t>Joseph Palmer</t>
  </si>
  <si>
    <t>78th Ave W/ 9th St W Andalusia</t>
  </si>
  <si>
    <t>2020CF1037</t>
  </si>
  <si>
    <t>Leanna Dolan</t>
  </si>
  <si>
    <t>800 1st Av Silvis</t>
  </si>
  <si>
    <t>2020CF1031</t>
  </si>
  <si>
    <t>Jimmy Dooley</t>
  </si>
  <si>
    <t>16724 10th Av Carbon Cliff</t>
  </si>
  <si>
    <t>2020CM700</t>
  </si>
  <si>
    <t>Jared Cox</t>
  </si>
  <si>
    <t>20375 Loud Thunder RD Illinois City</t>
  </si>
  <si>
    <t>2020DT452</t>
  </si>
  <si>
    <t>Ruben Garcia</t>
  </si>
  <si>
    <t>603- 1/2 Main St Hillsdale</t>
  </si>
  <si>
    <t>poss drug para</t>
  </si>
  <si>
    <t>720 ILCS 600/3.5(A)</t>
  </si>
  <si>
    <t>2020CM787</t>
  </si>
  <si>
    <t>Thomas Pollard</t>
  </si>
  <si>
    <t>IN CAR CAMERA REPORT to ILETSB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4" x14ac:knownFonts="1">
    <font>
      <sz val="11"/>
      <color theme="1"/>
      <name val="Calibri"/>
      <family val="2"/>
      <scheme val="minor"/>
    </font>
    <font>
      <sz val="20"/>
      <color theme="1"/>
      <name val="Calibri"/>
      <family val="2"/>
      <scheme val="minor"/>
    </font>
    <font>
      <sz val="28"/>
      <color theme="1"/>
      <name val="Calibri"/>
      <family val="2"/>
      <scheme val="minor"/>
    </font>
    <font>
      <sz val="12"/>
      <color rgb="FF000000"/>
      <name val="Courier New"/>
      <family val="3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12">
    <xf numFmtId="0" fontId="0" fillId="0" borderId="0" xfId="0"/>
    <xf numFmtId="0" fontId="0" fillId="0" borderId="0" xfId="0" applyAlignment="1">
      <alignment wrapText="1"/>
    </xf>
    <xf numFmtId="14" fontId="0" fillId="0" borderId="0" xfId="0" applyNumberFormat="1"/>
    <xf numFmtId="0" fontId="0" fillId="0" borderId="0" xfId="0" applyFill="1"/>
    <xf numFmtId="14" fontId="0" fillId="0" borderId="0" xfId="0" applyNumberFormat="1" applyAlignment="1">
      <alignment wrapText="1"/>
    </xf>
    <xf numFmtId="14" fontId="0" fillId="0" borderId="0" xfId="0" applyNumberFormat="1" applyFill="1"/>
    <xf numFmtId="0" fontId="0" fillId="0" borderId="0" xfId="0" applyFill="1" applyBorder="1"/>
    <xf numFmtId="14" fontId="0" fillId="0" borderId="0" xfId="0" applyNumberFormat="1" applyFill="1" applyBorder="1"/>
    <xf numFmtId="0" fontId="3" fillId="0" borderId="0" xfId="0" applyFont="1"/>
    <xf numFmtId="0" fontId="2" fillId="0" borderId="0" xfId="0" applyFont="1" applyAlignment="1">
      <alignment horizontal="center" wrapText="1"/>
    </xf>
    <xf numFmtId="0" fontId="0" fillId="0" borderId="0" xfId="0" applyAlignment="1">
      <alignment horizontal="center" wrapText="1"/>
    </xf>
    <xf numFmtId="0" fontId="1" fillId="0" borderId="0" xfId="0" applyFont="1" applyAlignment="1">
      <alignment horizontal="center" vertical="center" wrapText="1"/>
    </xf>
  </cellXfs>
  <cellStyles count="1">
    <cellStyle name="Normal" xfId="0" builtinId="0"/>
  </cellStyles>
  <dxfs count="1">
    <dxf>
      <border outline="0">
        <bottom style="thin">
          <color indexed="64"/>
        </bottom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ables/table1.xml><?xml version="1.0" encoding="utf-8"?>
<table xmlns="http://schemas.openxmlformats.org/spreadsheetml/2006/main" id="1" name="Table1" displayName="Table1" ref="A3:I117" totalsRowShown="0" tableBorderDxfId="0" headerRowCellStyle="Normal" dataCellStyle="Normal">
  <autoFilter ref="A3:I117"/>
  <sortState ref="A4:J151">
    <sortCondition ref="A3:A151"/>
  </sortState>
  <tableColumns count="9">
    <tableColumn id="1" name="DATE" dataCellStyle="Normal"/>
    <tableColumn id="2" name="TIME" dataCellStyle="Normal"/>
    <tableColumn id="3" name="LOCATION" dataCellStyle="Normal"/>
    <tableColumn id="4" name="OFFENSE" dataCellStyle="Normal"/>
    <tableColumn id="5" name="ILCS CITATION OR ORDINANCE NUMBER" dataCellStyle="Normal"/>
    <tableColumn id="6" name="DATE CHARGES FILED" dataCellStyle="Normal"/>
    <tableColumn id="7" name="CASE NUMBER" dataCellStyle="Normal"/>
    <tableColumn id="8" name="PARTY NAMES" dataCellStyle="Normal"/>
    <tableColumn id="9" name="DISPOSITION (If Known)" dataCellStyle="Normal"/>
  </tableColumns>
  <tableStyleInfo showFirstColumn="0" showLastColumn="0" showRowStripes="1" showColumnStripes="0"/>
</table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table" Target="../tables/table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I122"/>
  <sheetViews>
    <sheetView tabSelected="1" topLeftCell="A112" workbookViewId="0">
      <selection activeCell="A4" sqref="A4:XFD4"/>
    </sheetView>
  </sheetViews>
  <sheetFormatPr defaultColWidth="8.7109375" defaultRowHeight="15" x14ac:dyDescent="0.25"/>
  <cols>
    <col min="1" max="1" width="17.5703125" style="1" customWidth="1"/>
    <col min="2" max="2" width="16.85546875" style="1" customWidth="1"/>
    <col min="3" max="3" width="32.28515625" style="1" customWidth="1"/>
    <col min="4" max="4" width="26" style="1" customWidth="1"/>
    <col min="5" max="5" width="24.42578125" style="1" customWidth="1"/>
    <col min="6" max="6" width="21.42578125" style="1" customWidth="1"/>
    <col min="7" max="7" width="18.7109375" style="1" customWidth="1"/>
    <col min="8" max="8" width="33" style="1" customWidth="1"/>
    <col min="9" max="9" width="25.42578125" style="1" customWidth="1"/>
    <col min="10" max="16384" width="8.7109375" style="1"/>
  </cols>
  <sheetData>
    <row r="1" spans="1:9" ht="37.5" customHeight="1" x14ac:dyDescent="0.55000000000000004">
      <c r="A1" s="9" t="s">
        <v>9</v>
      </c>
      <c r="B1" s="10"/>
      <c r="C1" s="10"/>
      <c r="D1" s="10"/>
      <c r="E1" s="10"/>
      <c r="F1" s="10"/>
      <c r="G1" s="10"/>
      <c r="H1" s="10"/>
      <c r="I1" s="10"/>
    </row>
    <row r="2" spans="1:9" ht="54" customHeight="1" x14ac:dyDescent="0.25">
      <c r="A2" s="11" t="s">
        <v>430</v>
      </c>
      <c r="B2" s="11"/>
      <c r="C2" s="11"/>
      <c r="D2" s="11"/>
      <c r="E2" s="11"/>
      <c r="F2" s="11"/>
      <c r="G2" s="11"/>
      <c r="H2" s="11"/>
      <c r="I2" s="11"/>
    </row>
    <row r="3" spans="1:9" ht="42" customHeight="1" x14ac:dyDescent="0.25">
      <c r="A3" t="s">
        <v>0</v>
      </c>
      <c r="B3" t="s">
        <v>1</v>
      </c>
      <c r="C3" t="s">
        <v>2</v>
      </c>
      <c r="D3" t="s">
        <v>3</v>
      </c>
      <c r="E3" t="s">
        <v>4</v>
      </c>
      <c r="F3" t="s">
        <v>5</v>
      </c>
      <c r="G3" t="s">
        <v>7</v>
      </c>
      <c r="H3" t="s">
        <v>8</v>
      </c>
      <c r="I3" t="s">
        <v>6</v>
      </c>
    </row>
    <row r="4" spans="1:9" x14ac:dyDescent="0.25">
      <c r="A4" s="7">
        <v>43801</v>
      </c>
      <c r="B4" s="6">
        <v>1046</v>
      </c>
      <c r="C4" s="6" t="s">
        <v>376</v>
      </c>
      <c r="D4" s="6" t="s">
        <v>340</v>
      </c>
      <c r="E4" s="6" t="s">
        <v>61</v>
      </c>
      <c r="F4" s="7">
        <v>43805</v>
      </c>
      <c r="G4" s="6" t="s">
        <v>377</v>
      </c>
      <c r="H4" s="6" t="s">
        <v>378</v>
      </c>
      <c r="I4" s="6" t="s">
        <v>13</v>
      </c>
    </row>
    <row r="5" spans="1:9" x14ac:dyDescent="0.25">
      <c r="A5" s="2">
        <v>43831</v>
      </c>
      <c r="B5">
        <v>1912</v>
      </c>
      <c r="C5" t="s">
        <v>33</v>
      </c>
      <c r="D5" t="s">
        <v>16</v>
      </c>
      <c r="E5" t="s">
        <v>17</v>
      </c>
      <c r="F5" s="2">
        <v>43853</v>
      </c>
      <c r="G5" t="s">
        <v>35</v>
      </c>
      <c r="H5" t="s">
        <v>34</v>
      </c>
      <c r="I5" t="s">
        <v>36</v>
      </c>
    </row>
    <row r="6" spans="1:9" x14ac:dyDescent="0.25">
      <c r="A6" s="2">
        <v>43832</v>
      </c>
      <c r="B6">
        <v>100</v>
      </c>
      <c r="C6" t="s">
        <v>22</v>
      </c>
      <c r="D6" t="s">
        <v>16</v>
      </c>
      <c r="E6" t="s">
        <v>17</v>
      </c>
      <c r="F6" s="2">
        <v>43839</v>
      </c>
      <c r="G6" t="s">
        <v>24</v>
      </c>
      <c r="H6" t="s">
        <v>23</v>
      </c>
      <c r="I6" t="s">
        <v>20</v>
      </c>
    </row>
    <row r="7" spans="1:9" x14ac:dyDescent="0.25">
      <c r="A7" s="2">
        <v>43835</v>
      </c>
      <c r="B7">
        <v>243</v>
      </c>
      <c r="C7" t="s">
        <v>25</v>
      </c>
      <c r="D7" t="s">
        <v>16</v>
      </c>
      <c r="E7" t="s">
        <v>17</v>
      </c>
      <c r="F7" s="2">
        <v>43853</v>
      </c>
      <c r="G7" t="s">
        <v>27</v>
      </c>
      <c r="H7" t="s">
        <v>26</v>
      </c>
      <c r="I7" t="s">
        <v>13</v>
      </c>
    </row>
    <row r="8" spans="1:9" x14ac:dyDescent="0.25">
      <c r="A8" s="2">
        <v>43840</v>
      </c>
      <c r="B8">
        <v>2053</v>
      </c>
      <c r="C8" t="s">
        <v>45</v>
      </c>
      <c r="D8" t="s">
        <v>38</v>
      </c>
      <c r="E8" t="s">
        <v>46</v>
      </c>
      <c r="F8" s="2">
        <v>43841</v>
      </c>
      <c r="G8" t="s">
        <v>48</v>
      </c>
      <c r="H8" t="s">
        <v>47</v>
      </c>
      <c r="I8" t="s">
        <v>13</v>
      </c>
    </row>
    <row r="9" spans="1:9" x14ac:dyDescent="0.25">
      <c r="A9" s="2">
        <v>43842</v>
      </c>
      <c r="B9">
        <v>1856</v>
      </c>
      <c r="C9" t="s">
        <v>73</v>
      </c>
      <c r="D9" t="s">
        <v>75</v>
      </c>
      <c r="E9" t="s">
        <v>76</v>
      </c>
      <c r="F9" s="2">
        <v>43843</v>
      </c>
      <c r="G9" t="s">
        <v>77</v>
      </c>
      <c r="H9" t="s">
        <v>74</v>
      </c>
      <c r="I9" t="s">
        <v>20</v>
      </c>
    </row>
    <row r="10" spans="1:9" x14ac:dyDescent="0.25">
      <c r="A10" s="7">
        <v>43842</v>
      </c>
      <c r="B10" s="6">
        <v>2039</v>
      </c>
      <c r="C10" s="6" t="s">
        <v>90</v>
      </c>
      <c r="D10" s="6" t="s">
        <v>91</v>
      </c>
      <c r="E10" s="6" t="s">
        <v>200</v>
      </c>
      <c r="F10" s="7">
        <v>43845</v>
      </c>
      <c r="G10" s="6" t="s">
        <v>93</v>
      </c>
      <c r="H10" s="6" t="s">
        <v>92</v>
      </c>
      <c r="I10" s="6" t="s">
        <v>20</v>
      </c>
    </row>
    <row r="11" spans="1:9" x14ac:dyDescent="0.25">
      <c r="A11" s="2">
        <v>43847</v>
      </c>
      <c r="B11">
        <v>1504</v>
      </c>
      <c r="C11" t="s">
        <v>28</v>
      </c>
      <c r="D11" t="s">
        <v>29</v>
      </c>
      <c r="E11" t="s">
        <v>30</v>
      </c>
      <c r="F11" s="2">
        <v>43852</v>
      </c>
      <c r="G11" t="s">
        <v>31</v>
      </c>
      <c r="H11" t="s">
        <v>32</v>
      </c>
      <c r="I11" t="s">
        <v>20</v>
      </c>
    </row>
    <row r="12" spans="1:9" x14ac:dyDescent="0.25">
      <c r="A12" s="2">
        <v>43849</v>
      </c>
      <c r="B12">
        <v>254</v>
      </c>
      <c r="C12" t="s">
        <v>14</v>
      </c>
      <c r="D12" t="s">
        <v>11</v>
      </c>
      <c r="E12" t="s">
        <v>10</v>
      </c>
      <c r="F12" s="2">
        <v>43851</v>
      </c>
      <c r="G12" t="s">
        <v>19</v>
      </c>
      <c r="H12" t="s">
        <v>12</v>
      </c>
      <c r="I12" t="s">
        <v>13</v>
      </c>
    </row>
    <row r="13" spans="1:9" x14ac:dyDescent="0.25">
      <c r="A13" s="2">
        <v>43849</v>
      </c>
      <c r="B13">
        <v>1729</v>
      </c>
      <c r="C13" t="s">
        <v>67</v>
      </c>
      <c r="D13" t="s">
        <v>60</v>
      </c>
      <c r="E13" t="s">
        <v>61</v>
      </c>
      <c r="F13" s="2">
        <v>43851</v>
      </c>
      <c r="G13" t="s">
        <v>69</v>
      </c>
      <c r="H13" t="s">
        <v>68</v>
      </c>
      <c r="I13" t="s">
        <v>13</v>
      </c>
    </row>
    <row r="14" spans="1:9" x14ac:dyDescent="0.25">
      <c r="A14" s="2">
        <v>43851</v>
      </c>
      <c r="B14">
        <v>1841</v>
      </c>
      <c r="C14" t="s">
        <v>15</v>
      </c>
      <c r="D14" t="s">
        <v>16</v>
      </c>
      <c r="E14" t="s">
        <v>17</v>
      </c>
      <c r="F14" s="2">
        <v>43851</v>
      </c>
      <c r="G14" t="s">
        <v>21</v>
      </c>
      <c r="H14" t="s">
        <v>18</v>
      </c>
      <c r="I14" t="s">
        <v>20</v>
      </c>
    </row>
    <row r="15" spans="1:9" x14ac:dyDescent="0.25">
      <c r="A15" s="2">
        <v>43855</v>
      </c>
      <c r="B15">
        <v>106</v>
      </c>
      <c r="C15" t="s">
        <v>37</v>
      </c>
      <c r="D15" t="s">
        <v>38</v>
      </c>
      <c r="E15" t="s">
        <v>39</v>
      </c>
      <c r="F15" s="2">
        <v>43855</v>
      </c>
      <c r="G15" t="s">
        <v>41</v>
      </c>
      <c r="H15" t="s">
        <v>40</v>
      </c>
      <c r="I15" t="s">
        <v>20</v>
      </c>
    </row>
    <row r="16" spans="1:9" x14ac:dyDescent="0.25">
      <c r="A16" s="2">
        <v>43856</v>
      </c>
      <c r="B16">
        <v>104</v>
      </c>
      <c r="C16" t="s">
        <v>55</v>
      </c>
      <c r="D16" t="s">
        <v>16</v>
      </c>
      <c r="E16" t="s">
        <v>17</v>
      </c>
      <c r="F16" s="2">
        <v>43861</v>
      </c>
      <c r="G16" t="s">
        <v>57</v>
      </c>
      <c r="H16" t="s">
        <v>56</v>
      </c>
      <c r="I16" t="s">
        <v>58</v>
      </c>
    </row>
    <row r="17" spans="1:9" x14ac:dyDescent="0.25">
      <c r="A17" s="2">
        <v>43857</v>
      </c>
      <c r="B17">
        <v>2311</v>
      </c>
      <c r="C17" t="s">
        <v>97</v>
      </c>
      <c r="D17" t="s">
        <v>98</v>
      </c>
      <c r="E17" t="s">
        <v>46</v>
      </c>
      <c r="F17" s="2">
        <v>43858</v>
      </c>
      <c r="G17" t="s">
        <v>100</v>
      </c>
      <c r="H17" t="s">
        <v>99</v>
      </c>
      <c r="I17" t="s">
        <v>36</v>
      </c>
    </row>
    <row r="18" spans="1:9" x14ac:dyDescent="0.25">
      <c r="A18" s="2">
        <v>43861</v>
      </c>
      <c r="B18">
        <v>2011</v>
      </c>
      <c r="C18" t="s">
        <v>65</v>
      </c>
      <c r="D18" t="s">
        <v>60</v>
      </c>
      <c r="E18" t="s">
        <v>61</v>
      </c>
      <c r="F18" s="2">
        <v>43862</v>
      </c>
      <c r="G18" t="s">
        <v>66</v>
      </c>
      <c r="H18" t="s">
        <v>64</v>
      </c>
      <c r="I18" t="s">
        <v>13</v>
      </c>
    </row>
    <row r="19" spans="1:9" x14ac:dyDescent="0.25">
      <c r="A19" s="7">
        <v>43861</v>
      </c>
      <c r="B19" s="6">
        <v>2257</v>
      </c>
      <c r="C19" s="6" t="s">
        <v>167</v>
      </c>
      <c r="D19" s="6" t="s">
        <v>16</v>
      </c>
      <c r="E19" s="6" t="s">
        <v>17</v>
      </c>
      <c r="F19" s="7">
        <v>43867</v>
      </c>
      <c r="G19" s="6" t="s">
        <v>168</v>
      </c>
      <c r="H19" s="6" t="s">
        <v>169</v>
      </c>
      <c r="I19" s="6" t="s">
        <v>20</v>
      </c>
    </row>
    <row r="20" spans="1:9" x14ac:dyDescent="0.25">
      <c r="A20" s="2">
        <v>43862</v>
      </c>
      <c r="B20">
        <v>2135</v>
      </c>
      <c r="C20" t="s">
        <v>42</v>
      </c>
      <c r="D20" t="s">
        <v>11</v>
      </c>
      <c r="E20" t="s">
        <v>10</v>
      </c>
      <c r="F20" s="2">
        <v>43864</v>
      </c>
      <c r="G20" t="s">
        <v>44</v>
      </c>
      <c r="H20" t="s">
        <v>43</v>
      </c>
      <c r="I20" t="s">
        <v>20</v>
      </c>
    </row>
    <row r="21" spans="1:9" x14ac:dyDescent="0.25">
      <c r="A21" s="2">
        <v>43864</v>
      </c>
      <c r="B21">
        <v>1448</v>
      </c>
      <c r="C21" t="s">
        <v>94</v>
      </c>
      <c r="D21" t="s">
        <v>16</v>
      </c>
      <c r="E21" t="s">
        <v>17</v>
      </c>
      <c r="F21" s="2">
        <v>43871</v>
      </c>
      <c r="G21" t="s">
        <v>96</v>
      </c>
      <c r="H21" t="s">
        <v>95</v>
      </c>
      <c r="I21" t="s">
        <v>20</v>
      </c>
    </row>
    <row r="22" spans="1:9" x14ac:dyDescent="0.25">
      <c r="A22" s="2">
        <v>43874</v>
      </c>
      <c r="B22">
        <v>1752</v>
      </c>
      <c r="C22" t="s">
        <v>59</v>
      </c>
      <c r="D22" t="s">
        <v>60</v>
      </c>
      <c r="E22" t="s">
        <v>61</v>
      </c>
      <c r="F22" s="2">
        <v>43875</v>
      </c>
      <c r="G22" t="s">
        <v>63</v>
      </c>
      <c r="H22" t="s">
        <v>62</v>
      </c>
      <c r="I22" t="s">
        <v>20</v>
      </c>
    </row>
    <row r="23" spans="1:9" x14ac:dyDescent="0.25">
      <c r="A23" s="2">
        <v>43876</v>
      </c>
      <c r="B23">
        <v>1</v>
      </c>
      <c r="C23" t="s">
        <v>70</v>
      </c>
      <c r="D23" t="s">
        <v>11</v>
      </c>
      <c r="E23" t="s">
        <v>10</v>
      </c>
      <c r="F23" s="2">
        <v>43877</v>
      </c>
      <c r="G23" t="s">
        <v>72</v>
      </c>
      <c r="H23" t="s">
        <v>71</v>
      </c>
      <c r="I23" t="s">
        <v>20</v>
      </c>
    </row>
    <row r="24" spans="1:9" x14ac:dyDescent="0.25">
      <c r="A24" s="2">
        <v>43877</v>
      </c>
      <c r="B24">
        <v>1307</v>
      </c>
      <c r="C24" t="s">
        <v>49</v>
      </c>
      <c r="D24" t="s">
        <v>51</v>
      </c>
      <c r="E24" t="s">
        <v>52</v>
      </c>
      <c r="F24" s="2">
        <v>43879</v>
      </c>
      <c r="G24" t="s">
        <v>53</v>
      </c>
      <c r="H24" t="s">
        <v>50</v>
      </c>
      <c r="I24" t="s">
        <v>54</v>
      </c>
    </row>
    <row r="25" spans="1:9" x14ac:dyDescent="0.25">
      <c r="A25" s="2">
        <v>43877</v>
      </c>
      <c r="B25">
        <v>542</v>
      </c>
      <c r="C25" t="s">
        <v>86</v>
      </c>
      <c r="D25" t="s">
        <v>16</v>
      </c>
      <c r="E25" t="s">
        <v>17</v>
      </c>
      <c r="F25" s="2">
        <v>43888</v>
      </c>
      <c r="G25" t="s">
        <v>88</v>
      </c>
      <c r="H25" t="s">
        <v>87</v>
      </c>
      <c r="I25" t="s">
        <v>89</v>
      </c>
    </row>
    <row r="26" spans="1:9" x14ac:dyDescent="0.25">
      <c r="A26" s="2">
        <v>43888</v>
      </c>
      <c r="B26">
        <v>136</v>
      </c>
      <c r="C26" t="s">
        <v>78</v>
      </c>
      <c r="D26" t="s">
        <v>11</v>
      </c>
      <c r="E26" t="s">
        <v>10</v>
      </c>
      <c r="F26" s="2">
        <v>43888</v>
      </c>
      <c r="G26" t="s">
        <v>80</v>
      </c>
      <c r="H26" t="s">
        <v>79</v>
      </c>
      <c r="I26" t="s">
        <v>13</v>
      </c>
    </row>
    <row r="27" spans="1:9" x14ac:dyDescent="0.25">
      <c r="A27" s="7">
        <v>43888</v>
      </c>
      <c r="B27" s="6">
        <v>2350</v>
      </c>
      <c r="C27" s="6" t="s">
        <v>349</v>
      </c>
      <c r="D27" s="6" t="s">
        <v>16</v>
      </c>
      <c r="E27" s="6" t="s">
        <v>17</v>
      </c>
      <c r="F27" s="7">
        <v>43896</v>
      </c>
      <c r="G27" s="6" t="s">
        <v>350</v>
      </c>
      <c r="H27" s="6" t="s">
        <v>351</v>
      </c>
      <c r="I27" s="6" t="s">
        <v>20</v>
      </c>
    </row>
    <row r="28" spans="1:9" x14ac:dyDescent="0.25">
      <c r="A28" s="2">
        <v>43892</v>
      </c>
      <c r="B28">
        <v>1923</v>
      </c>
      <c r="C28" t="s">
        <v>107</v>
      </c>
      <c r="D28" t="s">
        <v>108</v>
      </c>
      <c r="E28" t="s">
        <v>109</v>
      </c>
      <c r="F28" s="2">
        <v>43893</v>
      </c>
      <c r="G28" t="s">
        <v>111</v>
      </c>
      <c r="H28" t="s">
        <v>110</v>
      </c>
      <c r="I28" t="s">
        <v>13</v>
      </c>
    </row>
    <row r="29" spans="1:9" x14ac:dyDescent="0.25">
      <c r="A29" s="2">
        <v>43896</v>
      </c>
      <c r="B29">
        <v>2321</v>
      </c>
      <c r="C29" t="s">
        <v>81</v>
      </c>
      <c r="D29" t="s">
        <v>82</v>
      </c>
      <c r="E29" t="s">
        <v>83</v>
      </c>
      <c r="F29"/>
      <c r="G29"/>
      <c r="H29" t="s">
        <v>84</v>
      </c>
      <c r="I29" t="s">
        <v>85</v>
      </c>
    </row>
    <row r="30" spans="1:9" x14ac:dyDescent="0.25">
      <c r="A30" s="7">
        <v>43915</v>
      </c>
      <c r="B30" s="6">
        <v>1940</v>
      </c>
      <c r="C30" s="6" t="s">
        <v>250</v>
      </c>
      <c r="D30" s="6" t="s">
        <v>16</v>
      </c>
      <c r="E30" s="6" t="s">
        <v>17</v>
      </c>
      <c r="F30" s="7">
        <v>43922</v>
      </c>
      <c r="G30" s="6" t="s">
        <v>251</v>
      </c>
      <c r="H30" s="6" t="s">
        <v>252</v>
      </c>
      <c r="I30" s="6" t="s">
        <v>20</v>
      </c>
    </row>
    <row r="31" spans="1:9" x14ac:dyDescent="0.25">
      <c r="A31" s="2">
        <v>43916</v>
      </c>
      <c r="B31">
        <v>1701</v>
      </c>
      <c r="C31" t="s">
        <v>112</v>
      </c>
      <c r="D31" t="s">
        <v>114</v>
      </c>
      <c r="E31" t="s">
        <v>115</v>
      </c>
      <c r="F31" s="2">
        <v>44282</v>
      </c>
      <c r="G31" t="s">
        <v>116</v>
      </c>
      <c r="H31" t="s">
        <v>113</v>
      </c>
      <c r="I31" t="s">
        <v>20</v>
      </c>
    </row>
    <row r="32" spans="1:9" x14ac:dyDescent="0.25">
      <c r="A32" s="2">
        <v>43917</v>
      </c>
      <c r="B32">
        <v>1707</v>
      </c>
      <c r="C32" t="s">
        <v>101</v>
      </c>
      <c r="D32" t="s">
        <v>16</v>
      </c>
      <c r="E32" t="s">
        <v>17</v>
      </c>
      <c r="F32" s="2">
        <v>43922</v>
      </c>
      <c r="G32" t="s">
        <v>103</v>
      </c>
      <c r="H32" t="s">
        <v>102</v>
      </c>
      <c r="I32" t="s">
        <v>20</v>
      </c>
    </row>
    <row r="33" spans="1:9" x14ac:dyDescent="0.25">
      <c r="A33" s="2">
        <v>43917</v>
      </c>
      <c r="B33">
        <v>1913</v>
      </c>
      <c r="C33" t="s">
        <v>104</v>
      </c>
      <c r="D33" t="s">
        <v>16</v>
      </c>
      <c r="E33" t="s">
        <v>17</v>
      </c>
      <c r="F33" s="2">
        <v>43922</v>
      </c>
      <c r="G33" t="s">
        <v>106</v>
      </c>
      <c r="H33" t="s">
        <v>105</v>
      </c>
      <c r="I33" t="s">
        <v>13</v>
      </c>
    </row>
    <row r="34" spans="1:9" x14ac:dyDescent="0.25">
      <c r="A34" s="7">
        <v>43932</v>
      </c>
      <c r="B34" s="6">
        <v>1613</v>
      </c>
      <c r="C34" s="6" t="s">
        <v>119</v>
      </c>
      <c r="D34" s="6" t="s">
        <v>91</v>
      </c>
      <c r="E34" s="6" t="s">
        <v>200</v>
      </c>
      <c r="F34" s="7">
        <v>43934</v>
      </c>
      <c r="G34" s="6" t="s">
        <v>253</v>
      </c>
      <c r="H34" s="6" t="s">
        <v>254</v>
      </c>
      <c r="I34" s="6" t="s">
        <v>13</v>
      </c>
    </row>
    <row r="35" spans="1:9" x14ac:dyDescent="0.25">
      <c r="A35" s="7">
        <v>43952</v>
      </c>
      <c r="B35" s="6">
        <v>2307</v>
      </c>
      <c r="C35" s="6" t="s">
        <v>163</v>
      </c>
      <c r="D35" s="6" t="s">
        <v>16</v>
      </c>
      <c r="E35" s="6" t="s">
        <v>164</v>
      </c>
      <c r="F35" s="7">
        <v>43965</v>
      </c>
      <c r="G35" s="6" t="s">
        <v>165</v>
      </c>
      <c r="H35" s="6" t="s">
        <v>166</v>
      </c>
      <c r="I35" s="6" t="s">
        <v>20</v>
      </c>
    </row>
    <row r="36" spans="1:9" x14ac:dyDescent="0.25">
      <c r="A36" s="7">
        <v>43958</v>
      </c>
      <c r="B36" s="6">
        <v>57</v>
      </c>
      <c r="C36" s="6" t="s">
        <v>188</v>
      </c>
      <c r="D36" s="6" t="s">
        <v>184</v>
      </c>
      <c r="E36" s="6" t="s">
        <v>185</v>
      </c>
      <c r="F36" s="7">
        <v>43958</v>
      </c>
      <c r="G36" s="6" t="s">
        <v>186</v>
      </c>
      <c r="H36" s="6" t="s">
        <v>187</v>
      </c>
      <c r="I36" s="6" t="s">
        <v>36</v>
      </c>
    </row>
    <row r="37" spans="1:9" x14ac:dyDescent="0.25">
      <c r="A37" s="7">
        <v>43960</v>
      </c>
      <c r="B37" s="6">
        <v>448</v>
      </c>
      <c r="C37" s="6" t="s">
        <v>158</v>
      </c>
      <c r="D37" s="6" t="s">
        <v>16</v>
      </c>
      <c r="E37" s="6" t="s">
        <v>159</v>
      </c>
      <c r="F37" s="7">
        <v>43964</v>
      </c>
      <c r="G37" s="6" t="s">
        <v>160</v>
      </c>
      <c r="H37" s="6" t="s">
        <v>161</v>
      </c>
      <c r="I37" s="6" t="s">
        <v>162</v>
      </c>
    </row>
    <row r="38" spans="1:9" x14ac:dyDescent="0.25">
      <c r="A38" s="7">
        <v>43967</v>
      </c>
      <c r="B38" s="6">
        <v>2058</v>
      </c>
      <c r="C38" s="6" t="s">
        <v>153</v>
      </c>
      <c r="D38" s="6" t="s">
        <v>154</v>
      </c>
      <c r="E38" s="6" t="s">
        <v>155</v>
      </c>
      <c r="F38" s="7">
        <v>43979</v>
      </c>
      <c r="G38" s="6" t="s">
        <v>156</v>
      </c>
      <c r="H38" s="6" t="s">
        <v>157</v>
      </c>
      <c r="I38" s="6" t="s">
        <v>20</v>
      </c>
    </row>
    <row r="39" spans="1:9" x14ac:dyDescent="0.25">
      <c r="A39" s="5">
        <v>43973</v>
      </c>
      <c r="B39" s="3">
        <v>9</v>
      </c>
      <c r="C39" s="3" t="s">
        <v>124</v>
      </c>
      <c r="D39" s="3" t="s">
        <v>108</v>
      </c>
      <c r="E39" s="3" t="s">
        <v>109</v>
      </c>
      <c r="F39" s="5">
        <v>43973</v>
      </c>
      <c r="G39" s="3" t="s">
        <v>126</v>
      </c>
      <c r="H39" s="3" t="s">
        <v>125</v>
      </c>
      <c r="I39" s="3" t="s">
        <v>20</v>
      </c>
    </row>
    <row r="40" spans="1:9" ht="15.75" x14ac:dyDescent="0.25">
      <c r="A40" s="7">
        <v>43981</v>
      </c>
      <c r="B40" s="6">
        <v>2256</v>
      </c>
      <c r="C40" s="6" t="s">
        <v>192</v>
      </c>
      <c r="D40" s="6" t="s">
        <v>193</v>
      </c>
      <c r="E40" s="8" t="s">
        <v>194</v>
      </c>
      <c r="F40" s="7">
        <v>43983</v>
      </c>
      <c r="G40" s="6" t="s">
        <v>195</v>
      </c>
      <c r="H40" s="6" t="s">
        <v>196</v>
      </c>
      <c r="I40" s="6" t="s">
        <v>20</v>
      </c>
    </row>
    <row r="41" spans="1:9" x14ac:dyDescent="0.25">
      <c r="A41" s="5">
        <v>43984</v>
      </c>
      <c r="B41" s="3">
        <v>52</v>
      </c>
      <c r="C41" s="3" t="s">
        <v>133</v>
      </c>
      <c r="D41" s="3" t="s">
        <v>134</v>
      </c>
      <c r="E41" s="3" t="s">
        <v>135</v>
      </c>
      <c r="F41" s="5">
        <v>43984</v>
      </c>
      <c r="G41" s="3" t="s">
        <v>138</v>
      </c>
      <c r="H41" s="3" t="s">
        <v>136</v>
      </c>
      <c r="I41" s="3" t="s">
        <v>13</v>
      </c>
    </row>
    <row r="42" spans="1:9" x14ac:dyDescent="0.25">
      <c r="A42" s="5">
        <v>43986</v>
      </c>
      <c r="B42" s="3">
        <v>54</v>
      </c>
      <c r="C42" s="3" t="s">
        <v>130</v>
      </c>
      <c r="D42" s="3" t="s">
        <v>108</v>
      </c>
      <c r="E42" s="3" t="s">
        <v>109</v>
      </c>
      <c r="F42" s="5">
        <v>43986</v>
      </c>
      <c r="G42" s="3" t="s">
        <v>132</v>
      </c>
      <c r="H42" s="3" t="s">
        <v>131</v>
      </c>
      <c r="I42" s="3" t="s">
        <v>20</v>
      </c>
    </row>
    <row r="43" spans="1:9" x14ac:dyDescent="0.25">
      <c r="A43" s="7">
        <v>43986</v>
      </c>
      <c r="B43" s="6">
        <v>738</v>
      </c>
      <c r="C43" s="6" t="s">
        <v>259</v>
      </c>
      <c r="D43" s="6" t="s">
        <v>260</v>
      </c>
      <c r="E43" s="6" t="s">
        <v>261</v>
      </c>
      <c r="F43" s="7">
        <v>44022</v>
      </c>
      <c r="G43" s="6" t="s">
        <v>262</v>
      </c>
      <c r="H43" s="6" t="s">
        <v>263</v>
      </c>
      <c r="I43" s="6" t="s">
        <v>20</v>
      </c>
    </row>
    <row r="44" spans="1:9" x14ac:dyDescent="0.25">
      <c r="A44" s="7">
        <v>43987</v>
      </c>
      <c r="B44" s="6">
        <v>127</v>
      </c>
      <c r="C44" s="6" t="s">
        <v>146</v>
      </c>
      <c r="D44" s="6" t="s">
        <v>140</v>
      </c>
      <c r="E44" s="6" t="s">
        <v>109</v>
      </c>
      <c r="F44" s="7">
        <v>43987</v>
      </c>
      <c r="G44" s="6" t="s">
        <v>147</v>
      </c>
      <c r="H44" s="6" t="s">
        <v>148</v>
      </c>
      <c r="I44" s="6" t="s">
        <v>149</v>
      </c>
    </row>
    <row r="45" spans="1:9" x14ac:dyDescent="0.25">
      <c r="A45" s="5">
        <v>43989</v>
      </c>
      <c r="B45" s="3">
        <v>2339</v>
      </c>
      <c r="C45" s="3" t="s">
        <v>120</v>
      </c>
      <c r="D45" s="3" t="s">
        <v>108</v>
      </c>
      <c r="E45" s="3" t="s">
        <v>109</v>
      </c>
      <c r="F45" s="3"/>
      <c r="G45" s="3" t="s">
        <v>121</v>
      </c>
      <c r="H45" s="3" t="s">
        <v>122</v>
      </c>
      <c r="I45" s="3" t="s">
        <v>123</v>
      </c>
    </row>
    <row r="46" spans="1:9" x14ac:dyDescent="0.25">
      <c r="A46" s="7">
        <v>43994</v>
      </c>
      <c r="B46" s="6">
        <v>1653</v>
      </c>
      <c r="C46" s="6" t="s">
        <v>139</v>
      </c>
      <c r="D46" s="6" t="s">
        <v>140</v>
      </c>
      <c r="E46" s="6" t="s">
        <v>109</v>
      </c>
      <c r="F46" s="7">
        <v>43995</v>
      </c>
      <c r="G46" s="6" t="s">
        <v>141</v>
      </c>
      <c r="H46" s="6" t="s">
        <v>142</v>
      </c>
      <c r="I46" s="6" t="s">
        <v>20</v>
      </c>
    </row>
    <row r="47" spans="1:9" x14ac:dyDescent="0.25">
      <c r="A47" s="7">
        <v>43995</v>
      </c>
      <c r="B47" s="6">
        <v>1629</v>
      </c>
      <c r="C47" s="6" t="s">
        <v>205</v>
      </c>
      <c r="D47" s="6" t="s">
        <v>206</v>
      </c>
      <c r="E47" s="6" t="s">
        <v>159</v>
      </c>
      <c r="F47" s="7">
        <v>44000</v>
      </c>
      <c r="G47" s="6" t="s">
        <v>207</v>
      </c>
      <c r="H47" s="6" t="s">
        <v>208</v>
      </c>
      <c r="I47" s="6" t="s">
        <v>20</v>
      </c>
    </row>
    <row r="48" spans="1:9" x14ac:dyDescent="0.25">
      <c r="A48" s="5">
        <v>43996</v>
      </c>
      <c r="B48" s="3">
        <v>2324</v>
      </c>
      <c r="C48" s="3" t="s">
        <v>127</v>
      </c>
      <c r="D48" s="3" t="s">
        <v>16</v>
      </c>
      <c r="E48" s="3" t="s">
        <v>17</v>
      </c>
      <c r="F48" s="5">
        <v>44000</v>
      </c>
      <c r="G48" s="3" t="s">
        <v>129</v>
      </c>
      <c r="H48" s="3" t="s">
        <v>128</v>
      </c>
      <c r="I48" s="3" t="s">
        <v>20</v>
      </c>
    </row>
    <row r="49" spans="1:9" x14ac:dyDescent="0.25">
      <c r="A49" s="7">
        <v>43998</v>
      </c>
      <c r="B49" s="6">
        <v>239</v>
      </c>
      <c r="C49" s="6" t="s">
        <v>170</v>
      </c>
      <c r="D49" s="6" t="s">
        <v>171</v>
      </c>
      <c r="E49" s="6" t="s">
        <v>109</v>
      </c>
      <c r="F49" s="7">
        <v>43998</v>
      </c>
      <c r="G49" s="6" t="s">
        <v>172</v>
      </c>
      <c r="H49" s="6" t="s">
        <v>173</v>
      </c>
      <c r="I49" s="6" t="s">
        <v>20</v>
      </c>
    </row>
    <row r="50" spans="1:9" x14ac:dyDescent="0.25">
      <c r="A50" s="7">
        <v>44002</v>
      </c>
      <c r="B50" s="6">
        <v>2327</v>
      </c>
      <c r="C50" s="6" t="s">
        <v>150</v>
      </c>
      <c r="D50" s="6" t="s">
        <v>140</v>
      </c>
      <c r="E50" s="6" t="s">
        <v>109</v>
      </c>
      <c r="F50" s="7">
        <v>44004</v>
      </c>
      <c r="G50" s="6" t="s">
        <v>151</v>
      </c>
      <c r="H50" s="6" t="s">
        <v>152</v>
      </c>
      <c r="I50" s="6" t="s">
        <v>137</v>
      </c>
    </row>
    <row r="51" spans="1:9" x14ac:dyDescent="0.25">
      <c r="A51" s="7">
        <v>44003</v>
      </c>
      <c r="B51" s="6">
        <v>251</v>
      </c>
      <c r="C51" s="6" t="s">
        <v>321</v>
      </c>
      <c r="D51" s="6" t="s">
        <v>322</v>
      </c>
      <c r="E51" s="6" t="s">
        <v>17</v>
      </c>
      <c r="F51" s="7">
        <v>44004</v>
      </c>
      <c r="G51" s="6" t="s">
        <v>323</v>
      </c>
      <c r="H51" s="6" t="s">
        <v>324</v>
      </c>
      <c r="I51" s="6" t="s">
        <v>36</v>
      </c>
    </row>
    <row r="52" spans="1:9" x14ac:dyDescent="0.25">
      <c r="A52" s="7">
        <v>44004</v>
      </c>
      <c r="B52" s="6">
        <v>2015</v>
      </c>
      <c r="C52" s="6" t="s">
        <v>394</v>
      </c>
      <c r="D52" s="6" t="s">
        <v>395</v>
      </c>
      <c r="E52" s="6" t="s">
        <v>396</v>
      </c>
      <c r="F52" s="7">
        <v>44018</v>
      </c>
      <c r="G52" s="6" t="s">
        <v>397</v>
      </c>
      <c r="H52" s="6" t="s">
        <v>398</v>
      </c>
      <c r="I52" s="6" t="s">
        <v>13</v>
      </c>
    </row>
    <row r="53" spans="1:9" x14ac:dyDescent="0.25">
      <c r="A53" s="7">
        <v>44005</v>
      </c>
      <c r="B53" s="6">
        <v>408</v>
      </c>
      <c r="C53" s="6" t="s">
        <v>143</v>
      </c>
      <c r="D53" s="6" t="s">
        <v>16</v>
      </c>
      <c r="E53" s="6" t="s">
        <v>17</v>
      </c>
      <c r="F53" s="7">
        <v>44018</v>
      </c>
      <c r="G53" s="6" t="s">
        <v>144</v>
      </c>
      <c r="H53" s="6" t="s">
        <v>145</v>
      </c>
      <c r="I53" s="6" t="s">
        <v>13</v>
      </c>
    </row>
    <row r="54" spans="1:9" x14ac:dyDescent="0.25">
      <c r="A54" s="7">
        <v>44007</v>
      </c>
      <c r="B54" s="6">
        <v>2230</v>
      </c>
      <c r="C54" s="6" t="s">
        <v>214</v>
      </c>
      <c r="D54" s="6" t="s">
        <v>218</v>
      </c>
      <c r="E54" s="6" t="s">
        <v>215</v>
      </c>
      <c r="F54" s="7">
        <v>44008</v>
      </c>
      <c r="G54" s="6" t="s">
        <v>216</v>
      </c>
      <c r="H54" s="6" t="s">
        <v>217</v>
      </c>
      <c r="I54" s="6" t="s">
        <v>58</v>
      </c>
    </row>
    <row r="55" spans="1:9" x14ac:dyDescent="0.25">
      <c r="A55" s="7">
        <v>44013</v>
      </c>
      <c r="B55" s="6">
        <v>1705</v>
      </c>
      <c r="C55" s="6" t="s">
        <v>339</v>
      </c>
      <c r="D55" s="6" t="s">
        <v>340</v>
      </c>
      <c r="E55" s="6" t="s">
        <v>61</v>
      </c>
      <c r="F55" s="7">
        <v>44014</v>
      </c>
      <c r="G55" s="6" t="s">
        <v>341</v>
      </c>
      <c r="H55" s="6" t="s">
        <v>342</v>
      </c>
      <c r="I55" s="6" t="s">
        <v>36</v>
      </c>
    </row>
    <row r="56" spans="1:9" x14ac:dyDescent="0.25">
      <c r="A56" s="7">
        <v>44015</v>
      </c>
      <c r="B56" s="6">
        <v>1637</v>
      </c>
      <c r="C56" s="6" t="s">
        <v>176</v>
      </c>
      <c r="D56" s="6" t="s">
        <v>140</v>
      </c>
      <c r="E56" s="6" t="s">
        <v>109</v>
      </c>
      <c r="F56" s="7">
        <v>44016</v>
      </c>
      <c r="G56" s="6" t="s">
        <v>177</v>
      </c>
      <c r="H56" s="6" t="s">
        <v>178</v>
      </c>
      <c r="I56" s="6" t="s">
        <v>36</v>
      </c>
    </row>
    <row r="57" spans="1:9" x14ac:dyDescent="0.25">
      <c r="A57" s="7">
        <v>44015</v>
      </c>
      <c r="B57" s="6">
        <v>149</v>
      </c>
      <c r="C57" s="6" t="s">
        <v>197</v>
      </c>
      <c r="D57" s="6" t="s">
        <v>16</v>
      </c>
      <c r="E57" s="6" t="s">
        <v>17</v>
      </c>
      <c r="F57" s="7">
        <v>44020</v>
      </c>
      <c r="G57" s="6" t="s">
        <v>198</v>
      </c>
      <c r="H57" s="6" t="s">
        <v>199</v>
      </c>
      <c r="I57" s="6" t="s">
        <v>137</v>
      </c>
    </row>
    <row r="58" spans="1:9" x14ac:dyDescent="0.25">
      <c r="A58" s="7">
        <v>44016</v>
      </c>
      <c r="B58" s="6">
        <v>100</v>
      </c>
      <c r="C58" s="6" t="s">
        <v>318</v>
      </c>
      <c r="D58" s="6" t="s">
        <v>16</v>
      </c>
      <c r="E58" s="6" t="s">
        <v>17</v>
      </c>
      <c r="F58" s="7">
        <v>44032</v>
      </c>
      <c r="G58" s="6" t="s">
        <v>319</v>
      </c>
      <c r="H58" s="6" t="s">
        <v>320</v>
      </c>
      <c r="I58" s="6" t="s">
        <v>13</v>
      </c>
    </row>
    <row r="59" spans="1:9" x14ac:dyDescent="0.25">
      <c r="A59" s="7">
        <v>44018</v>
      </c>
      <c r="B59" s="6">
        <v>828</v>
      </c>
      <c r="C59" s="6" t="s">
        <v>179</v>
      </c>
      <c r="D59" s="6" t="s">
        <v>180</v>
      </c>
      <c r="E59" s="6" t="s">
        <v>181</v>
      </c>
      <c r="F59" s="7">
        <v>44019</v>
      </c>
      <c r="G59" s="6" t="s">
        <v>182</v>
      </c>
      <c r="H59" s="6" t="s">
        <v>183</v>
      </c>
      <c r="I59" s="6" t="s">
        <v>13</v>
      </c>
    </row>
    <row r="60" spans="1:9" x14ac:dyDescent="0.25">
      <c r="A60" s="7">
        <v>44018</v>
      </c>
      <c r="B60" s="6">
        <v>1943</v>
      </c>
      <c r="C60" s="6" t="s">
        <v>275</v>
      </c>
      <c r="D60" s="6" t="s">
        <v>117</v>
      </c>
      <c r="E60" s="6" t="s">
        <v>118</v>
      </c>
      <c r="F60" s="7">
        <v>44019</v>
      </c>
      <c r="G60" s="6" t="s">
        <v>276</v>
      </c>
      <c r="H60" s="6" t="s">
        <v>277</v>
      </c>
      <c r="I60" s="6" t="s">
        <v>36</v>
      </c>
    </row>
    <row r="61" spans="1:9" x14ac:dyDescent="0.25">
      <c r="A61" s="7">
        <v>44020</v>
      </c>
      <c r="B61" s="6">
        <v>1754</v>
      </c>
      <c r="C61" s="6" t="s">
        <v>234</v>
      </c>
      <c r="D61" s="6" t="s">
        <v>108</v>
      </c>
      <c r="E61" s="6" t="s">
        <v>109</v>
      </c>
      <c r="F61" s="7">
        <v>44035</v>
      </c>
      <c r="G61" s="6" t="s">
        <v>399</v>
      </c>
      <c r="H61" s="6" t="s">
        <v>400</v>
      </c>
      <c r="I61" s="6" t="s">
        <v>20</v>
      </c>
    </row>
    <row r="62" spans="1:9" x14ac:dyDescent="0.25">
      <c r="A62" s="7">
        <v>44021</v>
      </c>
      <c r="B62" s="6">
        <v>2041</v>
      </c>
      <c r="C62" s="6" t="s">
        <v>278</v>
      </c>
      <c r="D62" s="6" t="s">
        <v>193</v>
      </c>
      <c r="E62" s="6" t="s">
        <v>224</v>
      </c>
      <c r="F62" s="7">
        <v>44022</v>
      </c>
      <c r="G62" s="6" t="s">
        <v>279</v>
      </c>
      <c r="H62" s="6" t="s">
        <v>280</v>
      </c>
      <c r="I62" s="6" t="s">
        <v>20</v>
      </c>
    </row>
    <row r="63" spans="1:9" x14ac:dyDescent="0.25">
      <c r="A63" s="7">
        <v>44023</v>
      </c>
      <c r="B63" s="6">
        <v>1620</v>
      </c>
      <c r="C63" s="6" t="s">
        <v>174</v>
      </c>
      <c r="D63" s="6" t="s">
        <v>171</v>
      </c>
      <c r="E63" s="6" t="s">
        <v>109</v>
      </c>
      <c r="F63" s="7">
        <v>44025</v>
      </c>
      <c r="G63" s="6" t="s">
        <v>175</v>
      </c>
      <c r="H63" s="6" t="s">
        <v>173</v>
      </c>
      <c r="I63" s="6" t="s">
        <v>20</v>
      </c>
    </row>
    <row r="64" spans="1:9" x14ac:dyDescent="0.25">
      <c r="A64" s="7">
        <v>44024</v>
      </c>
      <c r="B64" s="6">
        <v>2002</v>
      </c>
      <c r="C64" s="6" t="s">
        <v>352</v>
      </c>
      <c r="D64" s="6" t="s">
        <v>60</v>
      </c>
      <c r="E64" s="6" t="s">
        <v>61</v>
      </c>
      <c r="F64" s="7">
        <v>44025</v>
      </c>
      <c r="G64" s="6" t="s">
        <v>353</v>
      </c>
      <c r="H64" s="6" t="s">
        <v>354</v>
      </c>
      <c r="I64" s="6" t="s">
        <v>13</v>
      </c>
    </row>
    <row r="65" spans="1:9" x14ac:dyDescent="0.25">
      <c r="A65" s="7">
        <v>44028</v>
      </c>
      <c r="B65" s="6">
        <v>1912</v>
      </c>
      <c r="C65" s="6" t="s">
        <v>243</v>
      </c>
      <c r="D65" s="6" t="s">
        <v>244</v>
      </c>
      <c r="E65" s="6" t="s">
        <v>220</v>
      </c>
      <c r="F65" s="7">
        <v>44056</v>
      </c>
      <c r="G65" s="6" t="s">
        <v>245</v>
      </c>
      <c r="H65" s="6" t="s">
        <v>246</v>
      </c>
      <c r="I65" s="6" t="s">
        <v>20</v>
      </c>
    </row>
    <row r="66" spans="1:9" x14ac:dyDescent="0.25">
      <c r="A66" s="7">
        <v>44031</v>
      </c>
      <c r="B66" s="6">
        <v>252</v>
      </c>
      <c r="C66" s="6" t="s">
        <v>189</v>
      </c>
      <c r="D66" s="6" t="s">
        <v>140</v>
      </c>
      <c r="E66" s="6" t="s">
        <v>109</v>
      </c>
      <c r="F66" s="7">
        <v>44032</v>
      </c>
      <c r="G66" s="6" t="s">
        <v>190</v>
      </c>
      <c r="H66" s="6" t="s">
        <v>191</v>
      </c>
      <c r="I66" s="6" t="s">
        <v>20</v>
      </c>
    </row>
    <row r="67" spans="1:9" x14ac:dyDescent="0.25">
      <c r="A67" s="7">
        <v>44035</v>
      </c>
      <c r="B67" s="6">
        <v>2338</v>
      </c>
      <c r="C67" s="6" t="s">
        <v>202</v>
      </c>
      <c r="D67" s="6" t="s">
        <v>16</v>
      </c>
      <c r="E67" s="6" t="s">
        <v>17</v>
      </c>
      <c r="F67" s="7">
        <v>44040</v>
      </c>
      <c r="G67" s="6" t="s">
        <v>203</v>
      </c>
      <c r="H67" s="6" t="s">
        <v>204</v>
      </c>
      <c r="I67" s="6" t="s">
        <v>36</v>
      </c>
    </row>
    <row r="68" spans="1:9" x14ac:dyDescent="0.25">
      <c r="A68" s="7">
        <v>44036</v>
      </c>
      <c r="B68" s="6">
        <v>731</v>
      </c>
      <c r="C68" s="6" t="s">
        <v>209</v>
      </c>
      <c r="D68" s="6" t="s">
        <v>210</v>
      </c>
      <c r="E68" s="6" t="s">
        <v>211</v>
      </c>
      <c r="F68" s="7">
        <v>44036</v>
      </c>
      <c r="G68" s="6" t="s">
        <v>212</v>
      </c>
      <c r="H68" s="6" t="s">
        <v>213</v>
      </c>
      <c r="I68" s="6" t="s">
        <v>20</v>
      </c>
    </row>
    <row r="69" spans="1:9" x14ac:dyDescent="0.25">
      <c r="A69" s="7">
        <v>44056</v>
      </c>
      <c r="B69" s="6">
        <v>2110</v>
      </c>
      <c r="C69" s="6" t="s">
        <v>240</v>
      </c>
      <c r="D69" s="6" t="s">
        <v>60</v>
      </c>
      <c r="E69" s="6" t="s">
        <v>61</v>
      </c>
      <c r="F69" s="7">
        <v>44179</v>
      </c>
      <c r="G69" s="6" t="s">
        <v>241</v>
      </c>
      <c r="H69" s="6" t="s">
        <v>242</v>
      </c>
      <c r="I69" s="6" t="s">
        <v>20</v>
      </c>
    </row>
    <row r="70" spans="1:9" x14ac:dyDescent="0.25">
      <c r="A70" s="7">
        <v>44057</v>
      </c>
      <c r="B70" s="6">
        <v>1944</v>
      </c>
      <c r="C70" s="6" t="s">
        <v>285</v>
      </c>
      <c r="D70" s="6" t="s">
        <v>114</v>
      </c>
      <c r="E70" s="6" t="s">
        <v>115</v>
      </c>
      <c r="F70" s="7">
        <v>43997</v>
      </c>
      <c r="G70" s="6" t="s">
        <v>286</v>
      </c>
      <c r="H70" s="6" t="s">
        <v>287</v>
      </c>
      <c r="I70" s="6" t="s">
        <v>20</v>
      </c>
    </row>
    <row r="71" spans="1:9" x14ac:dyDescent="0.25">
      <c r="A71" s="7">
        <v>44061</v>
      </c>
      <c r="B71" s="6">
        <v>1858</v>
      </c>
      <c r="C71" s="6" t="s">
        <v>219</v>
      </c>
      <c r="D71" s="6" t="s">
        <v>11</v>
      </c>
      <c r="E71" s="6" t="s">
        <v>220</v>
      </c>
      <c r="F71" s="7">
        <v>44062</v>
      </c>
      <c r="G71" s="6" t="s">
        <v>221</v>
      </c>
      <c r="H71" s="6" t="s">
        <v>222</v>
      </c>
      <c r="I71" s="6" t="s">
        <v>20</v>
      </c>
    </row>
    <row r="72" spans="1:9" x14ac:dyDescent="0.25">
      <c r="A72" s="7">
        <v>44062</v>
      </c>
      <c r="B72" s="6">
        <v>1808</v>
      </c>
      <c r="C72" s="6" t="s">
        <v>226</v>
      </c>
      <c r="D72" s="6" t="s">
        <v>227</v>
      </c>
      <c r="E72" s="6" t="s">
        <v>228</v>
      </c>
      <c r="F72" s="7">
        <v>44063</v>
      </c>
      <c r="G72" s="6" t="s">
        <v>229</v>
      </c>
      <c r="H72" s="6" t="s">
        <v>230</v>
      </c>
      <c r="I72" s="6" t="s">
        <v>20</v>
      </c>
    </row>
    <row r="73" spans="1:9" x14ac:dyDescent="0.25">
      <c r="A73" s="7">
        <v>44066</v>
      </c>
      <c r="B73" s="6">
        <v>342</v>
      </c>
      <c r="C73" s="6" t="s">
        <v>231</v>
      </c>
      <c r="D73" s="6" t="s">
        <v>140</v>
      </c>
      <c r="E73" s="6" t="s">
        <v>109</v>
      </c>
      <c r="F73" s="7">
        <v>44067</v>
      </c>
      <c r="G73" s="6" t="s">
        <v>232</v>
      </c>
      <c r="H73" s="6" t="s">
        <v>233</v>
      </c>
      <c r="I73" s="6" t="s">
        <v>137</v>
      </c>
    </row>
    <row r="74" spans="1:9" x14ac:dyDescent="0.25">
      <c r="A74" s="7">
        <v>44066</v>
      </c>
      <c r="B74" s="6">
        <v>46</v>
      </c>
      <c r="C74" s="6" t="s">
        <v>303</v>
      </c>
      <c r="D74" s="6" t="s">
        <v>16</v>
      </c>
      <c r="E74" s="6" t="s">
        <v>17</v>
      </c>
      <c r="F74" s="7">
        <v>44069</v>
      </c>
      <c r="G74" s="6" t="s">
        <v>304</v>
      </c>
      <c r="H74" s="6" t="s">
        <v>305</v>
      </c>
      <c r="I74" s="6" t="s">
        <v>20</v>
      </c>
    </row>
    <row r="75" spans="1:9" x14ac:dyDescent="0.25">
      <c r="A75" s="7">
        <v>44069</v>
      </c>
      <c r="B75" s="6">
        <v>1847</v>
      </c>
      <c r="C75" s="6" t="s">
        <v>237</v>
      </c>
      <c r="D75" s="6" t="s">
        <v>171</v>
      </c>
      <c r="E75" s="6" t="s">
        <v>109</v>
      </c>
      <c r="F75" s="7">
        <v>44070</v>
      </c>
      <c r="G75" s="6" t="s">
        <v>238</v>
      </c>
      <c r="H75" s="6" t="s">
        <v>239</v>
      </c>
      <c r="I75" s="6" t="s">
        <v>201</v>
      </c>
    </row>
    <row r="76" spans="1:9" x14ac:dyDescent="0.25">
      <c r="A76" s="7">
        <v>44069</v>
      </c>
      <c r="B76" s="6">
        <v>1523</v>
      </c>
      <c r="C76" s="6" t="s">
        <v>364</v>
      </c>
      <c r="D76" s="6" t="s">
        <v>114</v>
      </c>
      <c r="E76" s="6" t="s">
        <v>115</v>
      </c>
      <c r="F76" s="7">
        <v>44075</v>
      </c>
      <c r="G76" s="6" t="s">
        <v>365</v>
      </c>
      <c r="H76" s="6" t="s">
        <v>366</v>
      </c>
      <c r="I76" s="6" t="s">
        <v>13</v>
      </c>
    </row>
    <row r="77" spans="1:9" x14ac:dyDescent="0.25">
      <c r="A77" s="7">
        <v>44071</v>
      </c>
      <c r="B77" s="6">
        <v>2141</v>
      </c>
      <c r="C77" s="6" t="s">
        <v>370</v>
      </c>
      <c r="D77" s="6" t="s">
        <v>16</v>
      </c>
      <c r="E77" s="6" t="s">
        <v>17</v>
      </c>
      <c r="F77" s="7">
        <v>44082</v>
      </c>
      <c r="G77" s="6" t="s">
        <v>371</v>
      </c>
      <c r="H77" s="6" t="s">
        <v>372</v>
      </c>
      <c r="I77" s="6" t="s">
        <v>162</v>
      </c>
    </row>
    <row r="78" spans="1:9" x14ac:dyDescent="0.25">
      <c r="A78" s="7">
        <v>44072</v>
      </c>
      <c r="B78" s="6">
        <v>1720</v>
      </c>
      <c r="C78" s="6" t="s">
        <v>234</v>
      </c>
      <c r="D78" s="6" t="s">
        <v>171</v>
      </c>
      <c r="E78" s="6" t="s">
        <v>109</v>
      </c>
      <c r="F78" s="7">
        <v>44074</v>
      </c>
      <c r="G78" s="6" t="s">
        <v>235</v>
      </c>
      <c r="H78" s="6" t="s">
        <v>236</v>
      </c>
      <c r="I78" s="6" t="s">
        <v>13</v>
      </c>
    </row>
    <row r="79" spans="1:9" x14ac:dyDescent="0.25">
      <c r="A79" s="7">
        <v>44073</v>
      </c>
      <c r="B79" s="6">
        <v>1527</v>
      </c>
      <c r="C79" s="6" t="s">
        <v>379</v>
      </c>
      <c r="D79" s="6" t="s">
        <v>171</v>
      </c>
      <c r="E79" s="6" t="s">
        <v>109</v>
      </c>
      <c r="F79" s="7">
        <v>44112</v>
      </c>
      <c r="G79" s="6" t="s">
        <v>380</v>
      </c>
      <c r="H79" s="6" t="s">
        <v>381</v>
      </c>
      <c r="I79" s="6" t="s">
        <v>13</v>
      </c>
    </row>
    <row r="80" spans="1:9" x14ac:dyDescent="0.25">
      <c r="A80" s="7">
        <v>44077</v>
      </c>
      <c r="B80" s="6">
        <v>409</v>
      </c>
      <c r="C80" s="6" t="s">
        <v>247</v>
      </c>
      <c r="D80" s="6" t="s">
        <v>244</v>
      </c>
      <c r="E80" s="6" t="s">
        <v>220</v>
      </c>
      <c r="F80" s="7">
        <v>44078</v>
      </c>
      <c r="G80" s="6" t="s">
        <v>249</v>
      </c>
      <c r="H80" s="6" t="s">
        <v>248</v>
      </c>
      <c r="I80" s="6" t="s">
        <v>13</v>
      </c>
    </row>
    <row r="81" spans="1:9" x14ac:dyDescent="0.25">
      <c r="A81" s="7">
        <v>44085</v>
      </c>
      <c r="B81" s="6">
        <v>1731</v>
      </c>
      <c r="C81" s="6" t="s">
        <v>288</v>
      </c>
      <c r="D81" s="6" t="s">
        <v>16</v>
      </c>
      <c r="E81" s="6" t="s">
        <v>17</v>
      </c>
      <c r="F81" s="7">
        <v>44098</v>
      </c>
      <c r="G81" s="6" t="s">
        <v>289</v>
      </c>
      <c r="H81" s="6" t="s">
        <v>290</v>
      </c>
      <c r="I81" s="6" t="s">
        <v>13</v>
      </c>
    </row>
    <row r="82" spans="1:9" x14ac:dyDescent="0.25">
      <c r="A82" s="7">
        <v>44087</v>
      </c>
      <c r="B82" s="6">
        <v>612</v>
      </c>
      <c r="C82" s="6" t="s">
        <v>264</v>
      </c>
      <c r="D82" s="6" t="s">
        <v>108</v>
      </c>
      <c r="E82" s="6" t="s">
        <v>109</v>
      </c>
      <c r="F82" s="7">
        <v>44088</v>
      </c>
      <c r="G82" s="6" t="s">
        <v>265</v>
      </c>
      <c r="H82" s="6" t="s">
        <v>266</v>
      </c>
      <c r="I82" s="6" t="s">
        <v>267</v>
      </c>
    </row>
    <row r="83" spans="1:9" x14ac:dyDescent="0.25">
      <c r="A83" s="7">
        <v>44092</v>
      </c>
      <c r="B83" s="6">
        <v>125</v>
      </c>
      <c r="C83" s="6" t="s">
        <v>255</v>
      </c>
      <c r="D83" s="6" t="s">
        <v>60</v>
      </c>
      <c r="E83" s="6" t="s">
        <v>61</v>
      </c>
      <c r="F83" s="7">
        <v>43875</v>
      </c>
      <c r="G83" s="6" t="s">
        <v>63</v>
      </c>
      <c r="H83" s="6" t="s">
        <v>62</v>
      </c>
      <c r="I83" s="6" t="s">
        <v>20</v>
      </c>
    </row>
    <row r="84" spans="1:9" x14ac:dyDescent="0.25">
      <c r="A84" s="7">
        <v>44092</v>
      </c>
      <c r="B84" s="6">
        <v>1707</v>
      </c>
      <c r="C84" s="6" t="s">
        <v>268</v>
      </c>
      <c r="D84" s="6" t="s">
        <v>108</v>
      </c>
      <c r="E84" s="6" t="s">
        <v>109</v>
      </c>
      <c r="F84" s="7">
        <v>44093</v>
      </c>
      <c r="G84" s="6" t="s">
        <v>269</v>
      </c>
      <c r="H84" s="6" t="s">
        <v>270</v>
      </c>
      <c r="I84" s="6" t="s">
        <v>13</v>
      </c>
    </row>
    <row r="85" spans="1:9" x14ac:dyDescent="0.25">
      <c r="A85" s="7">
        <v>44093</v>
      </c>
      <c r="B85" s="6">
        <v>1005</v>
      </c>
      <c r="C85" s="6" t="s">
        <v>256</v>
      </c>
      <c r="D85" s="6" t="s">
        <v>91</v>
      </c>
      <c r="E85" s="6" t="s">
        <v>200</v>
      </c>
      <c r="F85" s="7">
        <v>44095</v>
      </c>
      <c r="G85" s="6" t="s">
        <v>257</v>
      </c>
      <c r="H85" s="6" t="s">
        <v>258</v>
      </c>
      <c r="I85" s="6" t="s">
        <v>20</v>
      </c>
    </row>
    <row r="86" spans="1:9" x14ac:dyDescent="0.25">
      <c r="A86" s="7">
        <v>44093</v>
      </c>
      <c r="B86" s="6">
        <v>1719</v>
      </c>
      <c r="C86" s="6" t="s">
        <v>419</v>
      </c>
      <c r="D86" s="6" t="s">
        <v>60</v>
      </c>
      <c r="E86" s="6" t="s">
        <v>61</v>
      </c>
      <c r="F86" s="7">
        <v>44095</v>
      </c>
      <c r="G86" s="6" t="s">
        <v>420</v>
      </c>
      <c r="H86" s="6" t="s">
        <v>421</v>
      </c>
      <c r="I86" s="6" t="s">
        <v>36</v>
      </c>
    </row>
    <row r="87" spans="1:9" x14ac:dyDescent="0.25">
      <c r="A87" s="7">
        <v>44094</v>
      </c>
      <c r="B87" s="6">
        <v>959</v>
      </c>
      <c r="C87" s="6" t="s">
        <v>271</v>
      </c>
      <c r="D87" s="6" t="s">
        <v>272</v>
      </c>
      <c r="E87" s="6" t="s">
        <v>225</v>
      </c>
      <c r="F87" s="7">
        <v>44094</v>
      </c>
      <c r="G87" s="6" t="s">
        <v>273</v>
      </c>
      <c r="H87" s="6" t="s">
        <v>274</v>
      </c>
      <c r="I87" s="6" t="s">
        <v>13</v>
      </c>
    </row>
    <row r="88" spans="1:9" x14ac:dyDescent="0.25">
      <c r="A88" s="7">
        <v>44097</v>
      </c>
      <c r="B88" s="6">
        <v>1230</v>
      </c>
      <c r="C88" s="6" t="s">
        <v>425</v>
      </c>
      <c r="D88" s="6" t="s">
        <v>426</v>
      </c>
      <c r="E88" s="6" t="s">
        <v>427</v>
      </c>
      <c r="F88" s="7">
        <v>44126</v>
      </c>
      <c r="G88" s="6" t="s">
        <v>428</v>
      </c>
      <c r="H88" s="6" t="s">
        <v>429</v>
      </c>
      <c r="I88" s="6" t="s">
        <v>13</v>
      </c>
    </row>
    <row r="89" spans="1:9" x14ac:dyDescent="0.25">
      <c r="A89" s="7">
        <v>44098</v>
      </c>
      <c r="B89" s="6">
        <v>1758</v>
      </c>
      <c r="C89" s="6" t="s">
        <v>407</v>
      </c>
      <c r="D89" s="6" t="s">
        <v>16</v>
      </c>
      <c r="E89" s="6" t="s">
        <v>17</v>
      </c>
      <c r="F89" s="7">
        <v>44110</v>
      </c>
      <c r="G89" s="6" t="s">
        <v>408</v>
      </c>
      <c r="H89" s="6" t="s">
        <v>409</v>
      </c>
      <c r="I89" s="6" t="s">
        <v>13</v>
      </c>
    </row>
    <row r="90" spans="1:9" x14ac:dyDescent="0.25">
      <c r="A90" s="7">
        <v>44099</v>
      </c>
      <c r="B90" s="6">
        <v>1639</v>
      </c>
      <c r="C90" s="6" t="s">
        <v>281</v>
      </c>
      <c r="D90" s="6" t="s">
        <v>29</v>
      </c>
      <c r="E90" s="6" t="s">
        <v>282</v>
      </c>
      <c r="F90" s="7">
        <v>44118</v>
      </c>
      <c r="G90" s="6" t="s">
        <v>283</v>
      </c>
      <c r="H90" s="6" t="s">
        <v>284</v>
      </c>
      <c r="I90" s="6" t="s">
        <v>13</v>
      </c>
    </row>
    <row r="91" spans="1:9" x14ac:dyDescent="0.25">
      <c r="A91" s="7">
        <v>44101</v>
      </c>
      <c r="B91" s="6">
        <v>1529</v>
      </c>
      <c r="C91" s="6" t="s">
        <v>300</v>
      </c>
      <c r="D91" s="6" t="s">
        <v>297</v>
      </c>
      <c r="E91" s="6" t="s">
        <v>109</v>
      </c>
      <c r="F91" s="7">
        <v>44102</v>
      </c>
      <c r="G91" s="6" t="s">
        <v>301</v>
      </c>
      <c r="H91" s="6" t="s">
        <v>302</v>
      </c>
      <c r="I91" s="6" t="s">
        <v>13</v>
      </c>
    </row>
    <row r="92" spans="1:9" x14ac:dyDescent="0.25">
      <c r="A92" s="7">
        <v>44104</v>
      </c>
      <c r="B92" s="6">
        <v>21</v>
      </c>
      <c r="C92" s="6" t="s">
        <v>296</v>
      </c>
      <c r="D92" s="6" t="s">
        <v>297</v>
      </c>
      <c r="E92" s="6" t="s">
        <v>109</v>
      </c>
      <c r="F92" s="7">
        <v>44104</v>
      </c>
      <c r="G92" s="6" t="s">
        <v>298</v>
      </c>
      <c r="H92" s="6" t="s">
        <v>299</v>
      </c>
      <c r="I92" s="6" t="s">
        <v>13</v>
      </c>
    </row>
    <row r="93" spans="1:9" x14ac:dyDescent="0.25">
      <c r="A93" s="7">
        <v>44106</v>
      </c>
      <c r="B93" s="6">
        <v>1656</v>
      </c>
      <c r="C93" s="6" t="s">
        <v>291</v>
      </c>
      <c r="D93" s="6" t="s">
        <v>292</v>
      </c>
      <c r="E93" s="6" t="s">
        <v>293</v>
      </c>
      <c r="F93" s="7">
        <v>44107</v>
      </c>
      <c r="G93" s="6" t="s">
        <v>294</v>
      </c>
      <c r="H93" s="6" t="s">
        <v>295</v>
      </c>
      <c r="I93" s="6" t="s">
        <v>13</v>
      </c>
    </row>
    <row r="94" spans="1:9" x14ac:dyDescent="0.25">
      <c r="A94" s="7">
        <v>44107</v>
      </c>
      <c r="B94" s="6">
        <v>1913</v>
      </c>
      <c r="C94" s="6" t="s">
        <v>309</v>
      </c>
      <c r="D94" s="6" t="s">
        <v>91</v>
      </c>
      <c r="E94" s="6" t="s">
        <v>200</v>
      </c>
      <c r="F94" s="7">
        <v>44109</v>
      </c>
      <c r="G94" s="6" t="s">
        <v>310</v>
      </c>
      <c r="H94" s="6" t="s">
        <v>311</v>
      </c>
      <c r="I94" s="6" t="s">
        <v>20</v>
      </c>
    </row>
    <row r="95" spans="1:9" x14ac:dyDescent="0.25">
      <c r="A95" s="7">
        <v>44110</v>
      </c>
      <c r="B95" s="6">
        <v>1625</v>
      </c>
      <c r="C95" s="6" t="s">
        <v>306</v>
      </c>
      <c r="D95" s="6" t="s">
        <v>297</v>
      </c>
      <c r="E95" s="6" t="s">
        <v>109</v>
      </c>
      <c r="F95" s="7">
        <v>44067</v>
      </c>
      <c r="G95" s="6" t="s">
        <v>307</v>
      </c>
      <c r="H95" s="6" t="s">
        <v>308</v>
      </c>
      <c r="I95" s="6" t="s">
        <v>267</v>
      </c>
    </row>
    <row r="96" spans="1:9" x14ac:dyDescent="0.25">
      <c r="A96" s="7">
        <v>44113</v>
      </c>
      <c r="B96" s="6">
        <v>1934</v>
      </c>
      <c r="C96" s="6" t="s">
        <v>312</v>
      </c>
      <c r="D96" s="6" t="s">
        <v>108</v>
      </c>
      <c r="E96" s="6" t="s">
        <v>109</v>
      </c>
      <c r="F96" s="7">
        <v>44115</v>
      </c>
      <c r="G96" s="6" t="s">
        <v>313</v>
      </c>
      <c r="H96" s="6" t="s">
        <v>314</v>
      </c>
      <c r="I96" s="6" t="s">
        <v>13</v>
      </c>
    </row>
    <row r="97" spans="1:9" x14ac:dyDescent="0.25">
      <c r="A97" s="7">
        <v>44120</v>
      </c>
      <c r="B97" s="6">
        <v>1412</v>
      </c>
      <c r="C97" s="6" t="s">
        <v>223</v>
      </c>
      <c r="D97" s="6" t="s">
        <v>108</v>
      </c>
      <c r="E97" s="6" t="s">
        <v>109</v>
      </c>
      <c r="F97" s="7">
        <v>44121</v>
      </c>
      <c r="G97" s="6" t="s">
        <v>343</v>
      </c>
      <c r="H97" s="6" t="s">
        <v>344</v>
      </c>
      <c r="I97" s="6" t="s">
        <v>20</v>
      </c>
    </row>
    <row r="98" spans="1:9" x14ac:dyDescent="0.25">
      <c r="A98" s="7">
        <v>44122</v>
      </c>
      <c r="B98" s="6">
        <v>2349</v>
      </c>
      <c r="C98" s="6" t="s">
        <v>315</v>
      </c>
      <c r="D98" s="6" t="s">
        <v>108</v>
      </c>
      <c r="E98" s="6" t="s">
        <v>109</v>
      </c>
      <c r="F98" s="7">
        <v>44123</v>
      </c>
      <c r="G98" s="6" t="s">
        <v>316</v>
      </c>
      <c r="H98" s="6" t="s">
        <v>317</v>
      </c>
      <c r="I98" s="6" t="s">
        <v>13</v>
      </c>
    </row>
    <row r="99" spans="1:9" x14ac:dyDescent="0.25">
      <c r="A99" s="7">
        <v>44122</v>
      </c>
      <c r="B99" s="6">
        <v>100</v>
      </c>
      <c r="C99" s="6" t="s">
        <v>327</v>
      </c>
      <c r="D99" s="6" t="s">
        <v>108</v>
      </c>
      <c r="E99" s="6" t="s">
        <v>109</v>
      </c>
      <c r="F99" s="7">
        <v>44123</v>
      </c>
      <c r="G99" s="6" t="s">
        <v>328</v>
      </c>
      <c r="H99" s="6" t="s">
        <v>329</v>
      </c>
      <c r="I99" s="6" t="s">
        <v>13</v>
      </c>
    </row>
    <row r="100" spans="1:9" x14ac:dyDescent="0.25">
      <c r="A100" s="7">
        <v>44130</v>
      </c>
      <c r="B100" s="6">
        <v>957</v>
      </c>
      <c r="C100" s="6" t="s">
        <v>271</v>
      </c>
      <c r="D100" s="6" t="s">
        <v>108</v>
      </c>
      <c r="E100" s="6" t="s">
        <v>109</v>
      </c>
      <c r="F100" s="7">
        <v>44131</v>
      </c>
      <c r="G100" s="6" t="s">
        <v>330</v>
      </c>
      <c r="H100" s="6" t="s">
        <v>331</v>
      </c>
      <c r="I100" s="6" t="s">
        <v>13</v>
      </c>
    </row>
    <row r="101" spans="1:9" x14ac:dyDescent="0.25">
      <c r="A101" s="7">
        <v>44136</v>
      </c>
      <c r="B101" s="6">
        <v>221</v>
      </c>
      <c r="C101" s="6" t="s">
        <v>332</v>
      </c>
      <c r="D101" s="6" t="s">
        <v>333</v>
      </c>
      <c r="E101" s="6" t="s">
        <v>164</v>
      </c>
      <c r="F101" s="7">
        <v>44137</v>
      </c>
      <c r="G101" s="6" t="s">
        <v>334</v>
      </c>
      <c r="H101" s="6" t="s">
        <v>335</v>
      </c>
      <c r="I101" s="6" t="s">
        <v>36</v>
      </c>
    </row>
    <row r="102" spans="1:9" x14ac:dyDescent="0.25">
      <c r="A102" s="7">
        <v>44136</v>
      </c>
      <c r="B102" s="6">
        <v>546</v>
      </c>
      <c r="C102" s="6" t="s">
        <v>388</v>
      </c>
      <c r="D102" s="6" t="s">
        <v>16</v>
      </c>
      <c r="E102" s="6" t="s">
        <v>17</v>
      </c>
      <c r="F102" s="7">
        <v>44151</v>
      </c>
      <c r="G102" s="6" t="s">
        <v>389</v>
      </c>
      <c r="H102" s="6" t="s">
        <v>390</v>
      </c>
      <c r="I102" s="6" t="s">
        <v>13</v>
      </c>
    </row>
    <row r="103" spans="1:9" x14ac:dyDescent="0.25">
      <c r="A103" s="7">
        <v>44137</v>
      </c>
      <c r="B103" s="6">
        <v>1626</v>
      </c>
      <c r="C103" s="6" t="s">
        <v>346</v>
      </c>
      <c r="D103" s="6" t="s">
        <v>347</v>
      </c>
      <c r="E103" s="6" t="s">
        <v>345</v>
      </c>
      <c r="F103" s="7">
        <v>44139</v>
      </c>
      <c r="G103" s="6" t="s">
        <v>348</v>
      </c>
      <c r="H103" s="6" t="s">
        <v>325</v>
      </c>
      <c r="I103" s="6" t="s">
        <v>13</v>
      </c>
    </row>
    <row r="104" spans="1:9" x14ac:dyDescent="0.25">
      <c r="A104" s="7">
        <v>44138</v>
      </c>
      <c r="B104" s="6">
        <v>1842</v>
      </c>
      <c r="C104" s="6" t="s">
        <v>336</v>
      </c>
      <c r="D104" s="6" t="s">
        <v>326</v>
      </c>
      <c r="E104" s="6" t="s">
        <v>109</v>
      </c>
      <c r="F104" s="7">
        <v>44139</v>
      </c>
      <c r="G104" s="6" t="s">
        <v>337</v>
      </c>
      <c r="H104" s="6" t="s">
        <v>338</v>
      </c>
      <c r="I104" s="6" t="s">
        <v>13</v>
      </c>
    </row>
    <row r="105" spans="1:9" x14ac:dyDescent="0.25">
      <c r="A105" s="7">
        <v>44143</v>
      </c>
      <c r="B105" s="6">
        <v>1905</v>
      </c>
      <c r="C105" s="6" t="s">
        <v>355</v>
      </c>
      <c r="D105" s="6" t="s">
        <v>356</v>
      </c>
      <c r="E105" s="6" t="s">
        <v>357</v>
      </c>
      <c r="F105" s="7">
        <v>44144</v>
      </c>
      <c r="G105" s="6" t="s">
        <v>358</v>
      </c>
      <c r="H105" s="6" t="s">
        <v>359</v>
      </c>
      <c r="I105" s="6" t="s">
        <v>13</v>
      </c>
    </row>
    <row r="106" spans="1:9" x14ac:dyDescent="0.25">
      <c r="A106" s="7">
        <v>44143</v>
      </c>
      <c r="B106" s="6">
        <v>1631</v>
      </c>
      <c r="C106" s="6" t="s">
        <v>382</v>
      </c>
      <c r="D106" s="6" t="s">
        <v>171</v>
      </c>
      <c r="E106" s="6" t="s">
        <v>109</v>
      </c>
      <c r="F106" s="7">
        <v>44144</v>
      </c>
      <c r="G106" s="6" t="s">
        <v>383</v>
      </c>
      <c r="H106" s="6" t="s">
        <v>384</v>
      </c>
      <c r="I106" s="6" t="s">
        <v>13</v>
      </c>
    </row>
    <row r="107" spans="1:9" x14ac:dyDescent="0.25">
      <c r="A107" s="7">
        <v>44146</v>
      </c>
      <c r="B107" s="6">
        <v>1954</v>
      </c>
      <c r="C107" s="6" t="s">
        <v>361</v>
      </c>
      <c r="D107" s="6" t="s">
        <v>356</v>
      </c>
      <c r="E107" s="6" t="s">
        <v>360</v>
      </c>
      <c r="F107" s="7">
        <v>44147</v>
      </c>
      <c r="G107" s="6" t="s">
        <v>362</v>
      </c>
      <c r="H107" s="6" t="s">
        <v>363</v>
      </c>
      <c r="I107" s="6" t="s">
        <v>13</v>
      </c>
    </row>
    <row r="108" spans="1:9" x14ac:dyDescent="0.25">
      <c r="A108" s="7">
        <v>44147</v>
      </c>
      <c r="B108" s="6">
        <v>1924</v>
      </c>
      <c r="C108" s="6" t="s">
        <v>401</v>
      </c>
      <c r="D108" s="6" t="s">
        <v>108</v>
      </c>
      <c r="E108" s="6" t="s">
        <v>109</v>
      </c>
      <c r="F108" s="7">
        <v>44148</v>
      </c>
      <c r="G108" s="6" t="s">
        <v>402</v>
      </c>
      <c r="H108" s="6" t="s">
        <v>403</v>
      </c>
      <c r="I108" s="6" t="s">
        <v>13</v>
      </c>
    </row>
    <row r="109" spans="1:9" x14ac:dyDescent="0.25">
      <c r="A109" s="7">
        <v>44151</v>
      </c>
      <c r="B109" s="6">
        <v>2335</v>
      </c>
      <c r="C109" s="6" t="s">
        <v>367</v>
      </c>
      <c r="D109" s="6" t="s">
        <v>244</v>
      </c>
      <c r="E109" s="6" t="s">
        <v>220</v>
      </c>
      <c r="F109" s="7">
        <v>44152</v>
      </c>
      <c r="G109" s="6" t="s">
        <v>368</v>
      </c>
      <c r="H109" s="6" t="s">
        <v>369</v>
      </c>
      <c r="I109" s="6" t="s">
        <v>54</v>
      </c>
    </row>
    <row r="110" spans="1:9" x14ac:dyDescent="0.25">
      <c r="A110" s="7">
        <v>44156</v>
      </c>
      <c r="B110" s="6">
        <v>1716</v>
      </c>
      <c r="C110" s="6" t="s">
        <v>373</v>
      </c>
      <c r="D110" s="6" t="s">
        <v>108</v>
      </c>
      <c r="E110" s="6" t="s">
        <v>109</v>
      </c>
      <c r="F110" s="7">
        <v>44158</v>
      </c>
      <c r="G110" s="6" t="s">
        <v>374</v>
      </c>
      <c r="H110" s="6" t="s">
        <v>375</v>
      </c>
      <c r="I110" s="6" t="s">
        <v>13</v>
      </c>
    </row>
    <row r="111" spans="1:9" x14ac:dyDescent="0.25">
      <c r="A111" s="7">
        <v>44160</v>
      </c>
      <c r="B111" s="6">
        <v>2010</v>
      </c>
      <c r="C111" s="6" t="s">
        <v>422</v>
      </c>
      <c r="D111" s="6" t="s">
        <v>16</v>
      </c>
      <c r="E111" s="6" t="s">
        <v>17</v>
      </c>
      <c r="F111" s="7">
        <v>44167</v>
      </c>
      <c r="G111" s="6" t="s">
        <v>423</v>
      </c>
      <c r="H111" s="6" t="s">
        <v>424</v>
      </c>
      <c r="I111" s="6" t="s">
        <v>13</v>
      </c>
    </row>
    <row r="112" spans="1:9" x14ac:dyDescent="0.25">
      <c r="A112" s="7">
        <v>44165</v>
      </c>
      <c r="B112" s="6">
        <v>2346</v>
      </c>
      <c r="C112" s="6" t="s">
        <v>385</v>
      </c>
      <c r="D112" s="6" t="s">
        <v>171</v>
      </c>
      <c r="E112" s="6" t="s">
        <v>109</v>
      </c>
      <c r="F112" s="7">
        <v>44166</v>
      </c>
      <c r="G112" s="6" t="s">
        <v>386</v>
      </c>
      <c r="H112" s="6" t="s">
        <v>387</v>
      </c>
      <c r="I112" s="6" t="s">
        <v>20</v>
      </c>
    </row>
    <row r="113" spans="1:9" x14ac:dyDescent="0.25">
      <c r="A113" s="7">
        <v>44168</v>
      </c>
      <c r="B113" s="6">
        <v>255</v>
      </c>
      <c r="C113" s="6" t="s">
        <v>391</v>
      </c>
      <c r="D113" s="6" t="s">
        <v>108</v>
      </c>
      <c r="E113" s="6" t="s">
        <v>109</v>
      </c>
      <c r="F113" s="7">
        <v>44168</v>
      </c>
      <c r="G113" s="6" t="s">
        <v>392</v>
      </c>
      <c r="H113" s="6" t="s">
        <v>393</v>
      </c>
      <c r="I113" s="6" t="s">
        <v>13</v>
      </c>
    </row>
    <row r="114" spans="1:9" x14ac:dyDescent="0.25">
      <c r="A114" s="7">
        <v>44175</v>
      </c>
      <c r="B114" s="6">
        <v>1410</v>
      </c>
      <c r="C114" s="6" t="s">
        <v>404</v>
      </c>
      <c r="D114" s="6" t="s">
        <v>108</v>
      </c>
      <c r="E114" s="6" t="s">
        <v>109</v>
      </c>
      <c r="F114" s="7">
        <v>44176</v>
      </c>
      <c r="G114" s="6" t="s">
        <v>405</v>
      </c>
      <c r="H114" s="6" t="s">
        <v>406</v>
      </c>
      <c r="I114" s="6" t="s">
        <v>13</v>
      </c>
    </row>
    <row r="115" spans="1:9" x14ac:dyDescent="0.25">
      <c r="A115" s="7">
        <v>44179</v>
      </c>
      <c r="B115" s="6">
        <v>1701</v>
      </c>
      <c r="C115" s="6" t="s">
        <v>416</v>
      </c>
      <c r="D115" s="6" t="s">
        <v>108</v>
      </c>
      <c r="E115" s="6" t="s">
        <v>109</v>
      </c>
      <c r="F115" s="7">
        <v>44180</v>
      </c>
      <c r="G115" s="6" t="s">
        <v>417</v>
      </c>
      <c r="H115" s="6" t="s">
        <v>418</v>
      </c>
      <c r="I115" s="6" t="s">
        <v>13</v>
      </c>
    </row>
    <row r="116" spans="1:9" x14ac:dyDescent="0.25">
      <c r="A116" s="7">
        <v>44180</v>
      </c>
      <c r="B116" s="6">
        <v>556</v>
      </c>
      <c r="C116" s="6" t="s">
        <v>410</v>
      </c>
      <c r="D116" s="6" t="s">
        <v>108</v>
      </c>
      <c r="E116" s="6" t="s">
        <v>109</v>
      </c>
      <c r="F116" s="7">
        <v>44181</v>
      </c>
      <c r="G116" s="6" t="s">
        <v>411</v>
      </c>
      <c r="H116" s="6" t="s">
        <v>412</v>
      </c>
      <c r="I116" s="6" t="s">
        <v>13</v>
      </c>
    </row>
    <row r="117" spans="1:9" x14ac:dyDescent="0.25">
      <c r="A117" s="7">
        <v>44180</v>
      </c>
      <c r="B117" s="6">
        <v>2205</v>
      </c>
      <c r="C117" s="6" t="s">
        <v>413</v>
      </c>
      <c r="D117" s="6" t="s">
        <v>108</v>
      </c>
      <c r="E117" s="6" t="s">
        <v>109</v>
      </c>
      <c r="F117" s="7">
        <v>44181</v>
      </c>
      <c r="G117" s="6" t="s">
        <v>414</v>
      </c>
      <c r="H117" s="6" t="s">
        <v>415</v>
      </c>
      <c r="I117" s="6" t="s">
        <v>54</v>
      </c>
    </row>
    <row r="118" spans="1:9" x14ac:dyDescent="0.25">
      <c r="G118" s="4"/>
    </row>
    <row r="119" spans="1:9" x14ac:dyDescent="0.25">
      <c r="G119" s="4"/>
    </row>
    <row r="120" spans="1:9" x14ac:dyDescent="0.25">
      <c r="G120" s="4"/>
    </row>
    <row r="121" spans="1:9" x14ac:dyDescent="0.25">
      <c r="G121" s="4"/>
    </row>
    <row r="122" spans="1:9" x14ac:dyDescent="0.25">
      <c r="G122" s="4"/>
    </row>
  </sheetData>
  <mergeCells count="2">
    <mergeCell ref="A1:I1"/>
    <mergeCell ref="A2:I2"/>
  </mergeCells>
  <pageMargins left="0.7" right="0.7" top="0.75" bottom="0.75" header="0.3" footer="0.3"/>
  <pageSetup scale="55" fitToHeight="0" orientation="landscape" r:id="rId1"/>
  <tableParts count="1">
    <tablePart r:id="rId2"/>
  </tablePart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5" x14ac:dyDescent="0.25"/>
  <sheetData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5" x14ac:dyDescent="0.25"/>
  <sheetData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3</vt:i4>
      </vt:variant>
    </vt:vector>
  </HeadingPairs>
  <TitlesOfParts>
    <vt:vector size="3" baseType="lpstr">
      <vt:lpstr>Sheet1</vt:lpstr>
      <vt:lpstr>Sheet2</vt:lpstr>
      <vt:lpstr>Sheet3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User</dc:creator>
  <cp:lastModifiedBy>s6022</cp:lastModifiedBy>
  <cp:lastPrinted>2021-03-25T16:05:27Z</cp:lastPrinted>
  <dcterms:created xsi:type="dcterms:W3CDTF">2019-04-19T17:54:25Z</dcterms:created>
  <dcterms:modified xsi:type="dcterms:W3CDTF">2021-04-27T13:57:40Z</dcterms:modified>
</cp:coreProperties>
</file>